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20219月　ファイル変換（国籍調査HP他）\経済センサス\経済センサス‐活動調査\平成28年経済センサスー活動調査結果〈産業横断的集計〉\"/>
    </mc:Choice>
  </mc:AlternateContent>
  <bookViews>
    <workbookView xWindow="0" yWindow="0" windowWidth="20490" windowHeight="7680"/>
  </bookViews>
  <sheets>
    <sheet name="第9表" sheetId="2" r:id="rId1"/>
  </sheets>
  <definedNames>
    <definedName name="_xlnm._FilterDatabase" localSheetId="0" hidden="1">第9表!$A$5:$I$118</definedName>
    <definedName name="_xlnm.Print_Area" localSheetId="0">第9表!$A$2:$J$118</definedName>
    <definedName name="_xlnm.Print_Titles" localSheetId="0">第9表!$2:$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92" uniqueCount="56">
  <si>
    <t>（注2）「外国の会社」を除く。</t>
    <rPh sb="0" eb="4">
      <t>チチ</t>
    </rPh>
    <phoneticPr fontId="4"/>
  </si>
  <si>
    <t>（注1）「外国の会社」及び「法人でない団体」を除く。</t>
    <rPh sb="0" eb="4">
      <t>チ</t>
    </rPh>
    <phoneticPr fontId="4"/>
  </si>
  <si>
    <t>R</t>
  </si>
  <si>
    <t>...</t>
  </si>
  <si>
    <t>サービス業(他に分類されないもの)</t>
  </si>
  <si>
    <t>Q</t>
  </si>
  <si>
    <t>-</t>
  </si>
  <si>
    <t>複合サービス事業</t>
  </si>
  <si>
    <t>P</t>
  </si>
  <si>
    <t>医療，福祉</t>
  </si>
  <si>
    <t>O</t>
  </si>
  <si>
    <t>教育，学習支援業</t>
  </si>
  <si>
    <t>N</t>
  </si>
  <si>
    <t>生活関連サービス業，娯楽業</t>
  </si>
  <si>
    <t>M</t>
  </si>
  <si>
    <t>宿泊業，飲食サービス業</t>
  </si>
  <si>
    <t>L</t>
  </si>
  <si>
    <t>学術研究， 専門・技術サービス業</t>
  </si>
  <si>
    <t>K</t>
  </si>
  <si>
    <t>不動産業，物品賃貸業</t>
  </si>
  <si>
    <t>J</t>
  </si>
  <si>
    <t>金融業，保険業</t>
  </si>
  <si>
    <t>I</t>
  </si>
  <si>
    <t>卸売業，小売業</t>
  </si>
  <si>
    <t>H</t>
  </si>
  <si>
    <t>運輸業，郵便業</t>
  </si>
  <si>
    <t>G</t>
  </si>
  <si>
    <t>情報通信業</t>
  </si>
  <si>
    <t>F</t>
  </si>
  <si>
    <t>電気・ガス・熱供給・水道業</t>
  </si>
  <si>
    <t>E</t>
  </si>
  <si>
    <t>X</t>
  </si>
  <si>
    <t>製造業</t>
  </si>
  <si>
    <t>D</t>
  </si>
  <si>
    <t>建設業</t>
  </si>
  <si>
    <t>C</t>
  </si>
  <si>
    <t>鉱業，採石業，砂利採取業</t>
  </si>
  <si>
    <t>A～B</t>
  </si>
  <si>
    <t>農林漁業</t>
  </si>
  <si>
    <t>A～R</t>
    <phoneticPr fontId="4"/>
  </si>
  <si>
    <t>全産業（S公務を除く）</t>
  </si>
  <si>
    <t>(別掲)法人でない団体</t>
  </si>
  <si>
    <t>(別掲)外国の会社</t>
    <rPh sb="1" eb="3">
      <t>ベッケイ</t>
    </rPh>
    <rPh sb="4" eb="6">
      <t>ガイコク</t>
    </rPh>
    <rPh sb="7" eb="9">
      <t>カイシャ</t>
    </rPh>
    <phoneticPr fontId="4"/>
  </si>
  <si>
    <t>会社以外の法人</t>
    <rPh sb="0" eb="2">
      <t>カイシャ</t>
    </rPh>
    <rPh sb="2" eb="4">
      <t>イガイ</t>
    </rPh>
    <rPh sb="5" eb="7">
      <t>ホウジン</t>
    </rPh>
    <phoneticPr fontId="4"/>
  </si>
  <si>
    <t>会社（注2）</t>
    <rPh sb="0" eb="2">
      <t>カイシャ</t>
    </rPh>
    <rPh sb="3" eb="4">
      <t>チュウ</t>
    </rPh>
    <phoneticPr fontId="4"/>
  </si>
  <si>
    <t>個人</t>
    <rPh sb="0" eb="2">
      <t>コジン</t>
    </rPh>
    <phoneticPr fontId="4"/>
  </si>
  <si>
    <t>総数（注1）</t>
    <rPh sb="0" eb="2">
      <t>ソウスウ</t>
    </rPh>
    <rPh sb="3" eb="4">
      <t>チュウ</t>
    </rPh>
    <phoneticPr fontId="4"/>
  </si>
  <si>
    <t>産業分類</t>
    <rPh sb="0" eb="2">
      <t>サンギョウ</t>
    </rPh>
    <rPh sb="2" eb="4">
      <t>ブンルイ</t>
    </rPh>
    <phoneticPr fontId="4"/>
  </si>
  <si>
    <t>従業者１人当たり売上(収入)金額(万円)</t>
  </si>
  <si>
    <t>１事業所当たり売上(収入)金額(万円)</t>
  </si>
  <si>
    <t>１事業所当たり従業者数(人)</t>
  </si>
  <si>
    <t>売上(収入)金額(百万円)</t>
  </si>
  <si>
    <t>従業者数(人)</t>
  </si>
  <si>
    <t>事業所数</t>
    <rPh sb="3" eb="4">
      <t>スウ</t>
    </rPh>
    <phoneticPr fontId="4"/>
  </si>
  <si>
    <t>産業大分類</t>
    <rPh sb="0" eb="2">
      <t>サンギョウ</t>
    </rPh>
    <rPh sb="2" eb="5">
      <t>ダイブンルイ</t>
    </rPh>
    <phoneticPr fontId="4"/>
  </si>
  <si>
    <t>第９表　産業大分類、経営組織（3区分）別民営事業所数、従業者数、売上（収入）金額，１事業所当たり従業者数，１事業所当たり売上（収入）金額及び従業者１人当たり売上（収入）金額</t>
    <rPh sb="0" eb="1">
      <t>ダイ</t>
    </rPh>
    <rPh sb="2" eb="3">
      <t>ヒョウ</t>
    </rPh>
    <rPh sb="4" eb="6">
      <t>サンギョウ</t>
    </rPh>
    <rPh sb="6" eb="9">
      <t>ダイブンルイ</t>
    </rPh>
    <rPh sb="10" eb="12">
      <t>ケイエイ</t>
    </rPh>
    <rPh sb="12" eb="14">
      <t>ソシキ</t>
    </rPh>
    <rPh sb="16" eb="18">
      <t>クブン</t>
    </rPh>
    <rPh sb="19" eb="20">
      <t>ベツ</t>
    </rPh>
    <rPh sb="20" eb="22">
      <t>ミンエイ</t>
    </rPh>
    <rPh sb="22" eb="25">
      <t>ジギョウショ</t>
    </rPh>
    <rPh sb="25" eb="26">
      <t>スウ</t>
    </rPh>
    <rPh sb="27" eb="28">
      <t>ジュウ</t>
    </rPh>
    <rPh sb="28" eb="31">
      <t>ギョウシャスウ</t>
    </rPh>
    <rPh sb="78" eb="80">
      <t>ウリアゲ</t>
    </rPh>
    <rPh sb="81" eb="83">
      <t>シュウニュウ</t>
    </rPh>
    <rPh sb="84" eb="86">
      <t>キンガク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11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9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8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47">
    <xf numFmtId="0" fontId="0" fillId="0" borderId="0" xfId="0">
      <alignment vertical="center"/>
    </xf>
    <xf numFmtId="0" fontId="2" fillId="0" borderId="0" xfId="1" applyFont="1">
      <alignment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1" xfId="1" applyFont="1" applyBorder="1" applyAlignment="1">
      <alignment horizontal="center" vertical="center"/>
    </xf>
    <xf numFmtId="176" fontId="2" fillId="0" borderId="1" xfId="1" applyNumberFormat="1" applyFont="1" applyBorder="1" applyAlignment="1">
      <alignment horizontal="right" vertical="center"/>
    </xf>
    <xf numFmtId="176" fontId="2" fillId="0" borderId="2" xfId="1" applyNumberFormat="1" applyFont="1" applyBorder="1" applyAlignment="1">
      <alignment horizontal="right" vertical="center"/>
    </xf>
    <xf numFmtId="177" fontId="2" fillId="0" borderId="2" xfId="1" applyNumberFormat="1" applyFont="1" applyBorder="1" applyAlignment="1">
      <alignment horizontal="right" vertical="center"/>
    </xf>
    <xf numFmtId="0" fontId="2" fillId="0" borderId="3" xfId="1" applyFont="1" applyBorder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4" xfId="1" applyFont="1" applyBorder="1" applyAlignment="1">
      <alignment vertical="center"/>
    </xf>
    <xf numFmtId="0" fontId="2" fillId="0" borderId="5" xfId="1" applyFont="1" applyBorder="1" applyAlignment="1">
      <alignment horizontal="center" vertical="center"/>
    </xf>
    <xf numFmtId="176" fontId="2" fillId="0" borderId="5" xfId="1" applyNumberFormat="1" applyFont="1" applyBorder="1" applyAlignment="1">
      <alignment horizontal="right" vertical="center"/>
    </xf>
    <xf numFmtId="176" fontId="2" fillId="0" borderId="6" xfId="1" applyNumberFormat="1" applyFont="1" applyBorder="1" applyAlignment="1">
      <alignment horizontal="right" vertical="center"/>
    </xf>
    <xf numFmtId="177" fontId="2" fillId="0" borderId="6" xfId="1" applyNumberFormat="1" applyFont="1" applyBorder="1" applyAlignment="1">
      <alignment horizontal="right" vertical="center"/>
    </xf>
    <xf numFmtId="0" fontId="2" fillId="0" borderId="7" xfId="1" applyFont="1" applyBorder="1" applyAlignment="1">
      <alignment horizontal="distributed" vertical="center"/>
    </xf>
    <xf numFmtId="0" fontId="2" fillId="0" borderId="0" xfId="1" applyFont="1" applyBorder="1" applyAlignment="1">
      <alignment horizontal="center" vertical="center"/>
    </xf>
    <xf numFmtId="0" fontId="2" fillId="0" borderId="0" xfId="1" applyFont="1" applyBorder="1" applyAlignment="1">
      <alignment vertical="center"/>
    </xf>
    <xf numFmtId="0" fontId="5" fillId="0" borderId="0" xfId="1" applyFont="1" applyAlignment="1">
      <alignment vertical="center" wrapText="1"/>
    </xf>
    <xf numFmtId="0" fontId="6" fillId="0" borderId="5" xfId="1" applyFont="1" applyBorder="1" applyAlignment="1">
      <alignment horizontal="center" vertical="center" wrapText="1"/>
    </xf>
    <xf numFmtId="176" fontId="6" fillId="0" borderId="5" xfId="1" applyNumberFormat="1" applyFont="1" applyBorder="1" applyAlignment="1">
      <alignment horizontal="right" vertical="center"/>
    </xf>
    <xf numFmtId="176" fontId="6" fillId="0" borderId="6" xfId="1" applyNumberFormat="1" applyFont="1" applyBorder="1" applyAlignment="1">
      <alignment horizontal="right" vertical="center"/>
    </xf>
    <xf numFmtId="177" fontId="6" fillId="0" borderId="6" xfId="1" applyNumberFormat="1" applyFont="1" applyBorder="1" applyAlignment="1">
      <alignment horizontal="right" vertical="center"/>
    </xf>
    <xf numFmtId="0" fontId="6" fillId="0" borderId="7" xfId="1" applyFont="1" applyBorder="1" applyAlignment="1">
      <alignment horizontal="distributed" vertical="center"/>
    </xf>
    <xf numFmtId="0" fontId="6" fillId="0" borderId="0" xfId="1" applyFont="1" applyBorder="1" applyAlignment="1">
      <alignment horizontal="center" vertical="center" wrapText="1"/>
    </xf>
    <xf numFmtId="0" fontId="6" fillId="0" borderId="0" xfId="1" applyFont="1" applyBorder="1" applyAlignment="1">
      <alignment vertical="center"/>
    </xf>
    <xf numFmtId="0" fontId="7" fillId="0" borderId="0" xfId="1" applyFont="1">
      <alignment vertical="center"/>
    </xf>
    <xf numFmtId="0" fontId="8" fillId="0" borderId="5" xfId="1" applyFont="1" applyBorder="1" applyAlignment="1">
      <alignment horizontal="center" vertical="center" wrapText="1"/>
    </xf>
    <xf numFmtId="176" fontId="7" fillId="0" borderId="5" xfId="1" applyNumberFormat="1" applyFont="1" applyBorder="1" applyAlignment="1">
      <alignment horizontal="right" vertical="center"/>
    </xf>
    <xf numFmtId="176" fontId="7" fillId="0" borderId="6" xfId="1" applyNumberFormat="1" applyFont="1" applyBorder="1" applyAlignment="1">
      <alignment horizontal="right" vertical="center"/>
    </xf>
    <xf numFmtId="177" fontId="7" fillId="0" borderId="6" xfId="1" applyNumberFormat="1" applyFont="1" applyBorder="1" applyAlignment="1">
      <alignment horizontal="right" vertical="center"/>
    </xf>
    <xf numFmtId="0" fontId="8" fillId="0" borderId="7" xfId="1" applyFont="1" applyBorder="1" applyAlignment="1">
      <alignment vertical="center" wrapText="1"/>
    </xf>
    <xf numFmtId="0" fontId="8" fillId="0" borderId="0" xfId="1" applyFont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8" fillId="0" borderId="8" xfId="1" applyFont="1" applyBorder="1" applyAlignment="1">
      <alignment vertical="center" wrapText="1"/>
    </xf>
    <xf numFmtId="0" fontId="8" fillId="0" borderId="5" xfId="1" applyFont="1" applyBorder="1" applyAlignment="1">
      <alignment vertical="center" wrapText="1"/>
    </xf>
    <xf numFmtId="0" fontId="8" fillId="0" borderId="6" xfId="1" applyFont="1" applyBorder="1" applyAlignment="1">
      <alignment vertical="center" wrapText="1"/>
    </xf>
    <xf numFmtId="0" fontId="8" fillId="0" borderId="6" xfId="1" applyFont="1" applyBorder="1" applyAlignment="1">
      <alignment horizontal="center" vertical="center" wrapText="1"/>
    </xf>
    <xf numFmtId="0" fontId="6" fillId="0" borderId="7" xfId="1" applyFont="1" applyBorder="1" applyAlignment="1">
      <alignment vertical="center"/>
    </xf>
    <xf numFmtId="0" fontId="2" fillId="0" borderId="0" xfId="1" applyFont="1" applyAlignment="1">
      <alignment vertical="center" wrapText="1"/>
    </xf>
    <xf numFmtId="0" fontId="2" fillId="0" borderId="9" xfId="1" applyFont="1" applyBorder="1" applyAlignment="1">
      <alignment horizontal="center" vertical="center" wrapText="1"/>
    </xf>
    <xf numFmtId="0" fontId="9" fillId="0" borderId="9" xfId="1" applyFont="1" applyBorder="1" applyAlignment="1">
      <alignment horizontal="center" vertical="center" wrapText="1"/>
    </xf>
    <xf numFmtId="0" fontId="9" fillId="0" borderId="10" xfId="1" applyFont="1" applyBorder="1" applyAlignment="1">
      <alignment horizontal="center" vertical="center" wrapText="1"/>
    </xf>
    <xf numFmtId="0" fontId="2" fillId="0" borderId="10" xfId="1" applyFont="1" applyBorder="1" applyAlignment="1">
      <alignment horizontal="center" vertical="center" wrapText="1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10" fillId="0" borderId="4" xfId="1" applyFont="1" applyBorder="1" applyAlignment="1">
      <alignment horizontal="center" vertical="center" wrapTex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J118"/>
  <sheetViews>
    <sheetView tabSelected="1" view="pageBreakPreview" zoomScaleNormal="85" zoomScaleSheetLayoutView="100" workbookViewId="0">
      <selection activeCell="M2" sqref="M2"/>
    </sheetView>
  </sheetViews>
  <sheetFormatPr defaultRowHeight="11.25" x14ac:dyDescent="0.4"/>
  <cols>
    <col min="1" max="1" width="2" style="3" customWidth="1"/>
    <col min="2" max="2" width="4.5" style="2" bestFit="1" customWidth="1"/>
    <col min="3" max="3" width="28.125" style="1" customWidth="1"/>
    <col min="4" max="9" width="10.625" style="1" customWidth="1"/>
    <col min="10" max="10" width="4.375" style="1" customWidth="1"/>
    <col min="11" max="16384" width="9" style="1"/>
  </cols>
  <sheetData>
    <row r="1" spans="1:10" ht="45" customHeight="1" x14ac:dyDescent="0.4">
      <c r="A1" s="46" t="s">
        <v>55</v>
      </c>
      <c r="B1" s="46"/>
      <c r="C1" s="46"/>
      <c r="D1" s="46"/>
      <c r="E1" s="46"/>
      <c r="F1" s="46"/>
      <c r="G1" s="46"/>
      <c r="H1" s="46"/>
      <c r="I1" s="46"/>
      <c r="J1" s="46"/>
    </row>
    <row r="2" spans="1:10" s="39" customFormat="1" ht="42.75" customHeight="1" thickBot="1" x14ac:dyDescent="0.45">
      <c r="A2" s="45" t="s">
        <v>54</v>
      </c>
      <c r="B2" s="44"/>
      <c r="C2" s="44"/>
      <c r="D2" s="43" t="s">
        <v>53</v>
      </c>
      <c r="E2" s="43" t="s">
        <v>52</v>
      </c>
      <c r="F2" s="43" t="s">
        <v>51</v>
      </c>
      <c r="G2" s="43" t="s">
        <v>50</v>
      </c>
      <c r="H2" s="42" t="s">
        <v>49</v>
      </c>
      <c r="I2" s="41" t="s">
        <v>48</v>
      </c>
      <c r="J2" s="40" t="s">
        <v>47</v>
      </c>
    </row>
    <row r="3" spans="1:10" s="33" customFormat="1" ht="22.5" customHeight="1" thickTop="1" x14ac:dyDescent="0.4">
      <c r="A3" s="38" t="s">
        <v>46</v>
      </c>
      <c r="B3" s="37"/>
      <c r="C3" s="36"/>
      <c r="D3" s="36"/>
      <c r="E3" s="36"/>
      <c r="F3" s="36"/>
      <c r="G3" s="36"/>
      <c r="H3" s="36"/>
      <c r="I3" s="35"/>
      <c r="J3" s="34"/>
    </row>
    <row r="4" spans="1:10" s="18" customFormat="1" ht="14.25" customHeight="1" x14ac:dyDescent="0.4">
      <c r="A4" s="25"/>
      <c r="B4" s="24" t="s">
        <v>39</v>
      </c>
      <c r="C4" s="23" t="s">
        <v>40</v>
      </c>
      <c r="D4" s="21">
        <v>157927</v>
      </c>
      <c r="E4" s="21">
        <v>2033739</v>
      </c>
      <c r="F4" s="21" t="s">
        <v>3</v>
      </c>
      <c r="G4" s="22">
        <v>12.9</v>
      </c>
      <c r="H4" s="21" t="s">
        <v>3</v>
      </c>
      <c r="I4" s="20" t="s">
        <v>3</v>
      </c>
      <c r="J4" s="19" t="s">
        <v>39</v>
      </c>
    </row>
    <row r="5" spans="1:10" ht="15" customHeight="1" x14ac:dyDescent="0.4">
      <c r="A5" s="17"/>
      <c r="B5" s="16" t="s">
        <v>37</v>
      </c>
      <c r="C5" s="15" t="s">
        <v>38</v>
      </c>
      <c r="D5" s="13">
        <v>41</v>
      </c>
      <c r="E5" s="13">
        <v>383</v>
      </c>
      <c r="F5" s="13">
        <v>3136</v>
      </c>
      <c r="G5" s="14">
        <v>9.3000000000000007</v>
      </c>
      <c r="H5" s="13">
        <v>9224</v>
      </c>
      <c r="I5" s="12">
        <v>983</v>
      </c>
      <c r="J5" s="11" t="s">
        <v>37</v>
      </c>
    </row>
    <row r="6" spans="1:10" ht="15" customHeight="1" x14ac:dyDescent="0.4">
      <c r="A6" s="17"/>
      <c r="B6" s="16" t="s">
        <v>35</v>
      </c>
      <c r="C6" s="15" t="s">
        <v>36</v>
      </c>
      <c r="D6" s="13">
        <v>5</v>
      </c>
      <c r="E6" s="13">
        <v>32</v>
      </c>
      <c r="F6" s="13">
        <v>354</v>
      </c>
      <c r="G6" s="14">
        <v>6.4</v>
      </c>
      <c r="H6" s="13">
        <v>11792</v>
      </c>
      <c r="I6" s="12">
        <v>1220</v>
      </c>
      <c r="J6" s="11" t="s">
        <v>35</v>
      </c>
    </row>
    <row r="7" spans="1:10" ht="15" customHeight="1" x14ac:dyDescent="0.4">
      <c r="A7" s="17"/>
      <c r="B7" s="16" t="s">
        <v>33</v>
      </c>
      <c r="C7" s="15" t="s">
        <v>34</v>
      </c>
      <c r="D7" s="13">
        <v>7893</v>
      </c>
      <c r="E7" s="13">
        <v>108434</v>
      </c>
      <c r="F7" s="13" t="s">
        <v>3</v>
      </c>
      <c r="G7" s="14">
        <v>13.7</v>
      </c>
      <c r="H7" s="13" t="s">
        <v>3</v>
      </c>
      <c r="I7" s="12" t="s">
        <v>3</v>
      </c>
      <c r="J7" s="11" t="s">
        <v>33</v>
      </c>
    </row>
    <row r="8" spans="1:10" ht="15" customHeight="1" x14ac:dyDescent="0.4">
      <c r="A8" s="17"/>
      <c r="B8" s="16" t="s">
        <v>30</v>
      </c>
      <c r="C8" s="15" t="s">
        <v>32</v>
      </c>
      <c r="D8" s="13">
        <v>15210</v>
      </c>
      <c r="E8" s="13">
        <v>188162</v>
      </c>
      <c r="F8" s="13">
        <v>4727937</v>
      </c>
      <c r="G8" s="14">
        <v>12.4</v>
      </c>
      <c r="H8" s="13">
        <v>33260</v>
      </c>
      <c r="I8" s="12">
        <v>3031</v>
      </c>
      <c r="J8" s="11" t="s">
        <v>30</v>
      </c>
    </row>
    <row r="9" spans="1:10" ht="15" customHeight="1" x14ac:dyDescent="0.4">
      <c r="A9" s="17"/>
      <c r="B9" s="16" t="s">
        <v>28</v>
      </c>
      <c r="C9" s="15" t="s">
        <v>29</v>
      </c>
      <c r="D9" s="13">
        <v>73</v>
      </c>
      <c r="E9" s="13">
        <v>8429</v>
      </c>
      <c r="F9" s="13" t="s">
        <v>3</v>
      </c>
      <c r="G9" s="14">
        <v>115.5</v>
      </c>
      <c r="H9" s="13" t="s">
        <v>3</v>
      </c>
      <c r="I9" s="12" t="s">
        <v>3</v>
      </c>
      <c r="J9" s="11" t="s">
        <v>28</v>
      </c>
    </row>
    <row r="10" spans="1:10" ht="15" customHeight="1" x14ac:dyDescent="0.4">
      <c r="A10" s="17"/>
      <c r="B10" s="16" t="s">
        <v>26</v>
      </c>
      <c r="C10" s="15" t="s">
        <v>27</v>
      </c>
      <c r="D10" s="13">
        <v>4074</v>
      </c>
      <c r="E10" s="13">
        <v>117895</v>
      </c>
      <c r="F10" s="13" t="s">
        <v>3</v>
      </c>
      <c r="G10" s="14">
        <v>28.9</v>
      </c>
      <c r="H10" s="13" t="s">
        <v>3</v>
      </c>
      <c r="I10" s="12" t="s">
        <v>3</v>
      </c>
      <c r="J10" s="11" t="s">
        <v>26</v>
      </c>
    </row>
    <row r="11" spans="1:10" ht="15" customHeight="1" x14ac:dyDescent="0.4">
      <c r="A11" s="17"/>
      <c r="B11" s="16" t="s">
        <v>24</v>
      </c>
      <c r="C11" s="15" t="s">
        <v>25</v>
      </c>
      <c r="D11" s="13">
        <v>3810</v>
      </c>
      <c r="E11" s="13">
        <v>100261</v>
      </c>
      <c r="F11" s="13" t="s">
        <v>3</v>
      </c>
      <c r="G11" s="14">
        <v>26.3</v>
      </c>
      <c r="H11" s="13" t="s">
        <v>3</v>
      </c>
      <c r="I11" s="12" t="s">
        <v>3</v>
      </c>
      <c r="J11" s="11" t="s">
        <v>24</v>
      </c>
    </row>
    <row r="12" spans="1:10" ht="15" customHeight="1" x14ac:dyDescent="0.4">
      <c r="A12" s="17"/>
      <c r="B12" s="16" t="s">
        <v>22</v>
      </c>
      <c r="C12" s="15" t="s">
        <v>23</v>
      </c>
      <c r="D12" s="13">
        <v>45250</v>
      </c>
      <c r="E12" s="13">
        <v>511853</v>
      </c>
      <c r="F12" s="13">
        <v>45833341</v>
      </c>
      <c r="G12" s="14">
        <v>11.3</v>
      </c>
      <c r="H12" s="13">
        <v>108422</v>
      </c>
      <c r="I12" s="12">
        <v>9854</v>
      </c>
      <c r="J12" s="11" t="s">
        <v>22</v>
      </c>
    </row>
    <row r="13" spans="1:10" ht="15" customHeight="1" x14ac:dyDescent="0.4">
      <c r="A13" s="17"/>
      <c r="B13" s="16" t="s">
        <v>20</v>
      </c>
      <c r="C13" s="15" t="s">
        <v>21</v>
      </c>
      <c r="D13" s="13">
        <v>2765</v>
      </c>
      <c r="E13" s="13">
        <v>83097</v>
      </c>
      <c r="F13" s="13" t="s">
        <v>3</v>
      </c>
      <c r="G13" s="14">
        <v>30.1</v>
      </c>
      <c r="H13" s="13" t="s">
        <v>3</v>
      </c>
      <c r="I13" s="12" t="s">
        <v>3</v>
      </c>
      <c r="J13" s="11" t="s">
        <v>20</v>
      </c>
    </row>
    <row r="14" spans="1:10" ht="15" customHeight="1" x14ac:dyDescent="0.4">
      <c r="A14" s="17"/>
      <c r="B14" s="16" t="s">
        <v>18</v>
      </c>
      <c r="C14" s="15" t="s">
        <v>19</v>
      </c>
      <c r="D14" s="13">
        <v>13331</v>
      </c>
      <c r="E14" s="13">
        <v>76827</v>
      </c>
      <c r="F14" s="13">
        <v>3867659</v>
      </c>
      <c r="G14" s="14">
        <v>5.8</v>
      </c>
      <c r="H14" s="13">
        <v>30847</v>
      </c>
      <c r="I14" s="12">
        <v>5422</v>
      </c>
      <c r="J14" s="11" t="s">
        <v>18</v>
      </c>
    </row>
    <row r="15" spans="1:10" ht="15" customHeight="1" x14ac:dyDescent="0.4">
      <c r="A15" s="17"/>
      <c r="B15" s="16" t="s">
        <v>16</v>
      </c>
      <c r="C15" s="15" t="s">
        <v>17</v>
      </c>
      <c r="D15" s="13">
        <v>10535</v>
      </c>
      <c r="E15" s="13">
        <v>90255</v>
      </c>
      <c r="F15" s="13">
        <v>2332160</v>
      </c>
      <c r="G15" s="14">
        <v>8.6</v>
      </c>
      <c r="H15" s="13">
        <v>23034</v>
      </c>
      <c r="I15" s="12">
        <v>2785</v>
      </c>
      <c r="J15" s="11" t="s">
        <v>16</v>
      </c>
    </row>
    <row r="16" spans="1:10" ht="15" customHeight="1" x14ac:dyDescent="0.4">
      <c r="A16" s="17"/>
      <c r="B16" s="16" t="s">
        <v>14</v>
      </c>
      <c r="C16" s="15" t="s">
        <v>15</v>
      </c>
      <c r="D16" s="13">
        <v>21344</v>
      </c>
      <c r="E16" s="13">
        <v>186748</v>
      </c>
      <c r="F16" s="13">
        <v>1063111</v>
      </c>
      <c r="G16" s="14">
        <v>8.6999999999999993</v>
      </c>
      <c r="H16" s="13">
        <v>5330</v>
      </c>
      <c r="I16" s="12">
        <v>642</v>
      </c>
      <c r="J16" s="11" t="s">
        <v>14</v>
      </c>
    </row>
    <row r="17" spans="1:10" ht="15" customHeight="1" x14ac:dyDescent="0.4">
      <c r="A17" s="17"/>
      <c r="B17" s="16" t="s">
        <v>12</v>
      </c>
      <c r="C17" s="15" t="s">
        <v>13</v>
      </c>
      <c r="D17" s="13">
        <v>9662</v>
      </c>
      <c r="E17" s="13">
        <v>69172</v>
      </c>
      <c r="F17" s="13">
        <v>2453325</v>
      </c>
      <c r="G17" s="14">
        <v>7.2</v>
      </c>
      <c r="H17" s="13">
        <v>27250</v>
      </c>
      <c r="I17" s="12">
        <v>4047</v>
      </c>
      <c r="J17" s="11" t="s">
        <v>12</v>
      </c>
    </row>
    <row r="18" spans="1:10" ht="15" customHeight="1" x14ac:dyDescent="0.4">
      <c r="A18" s="17"/>
      <c r="B18" s="16" t="s">
        <v>10</v>
      </c>
      <c r="C18" s="15" t="s">
        <v>11</v>
      </c>
      <c r="D18" s="13">
        <v>3229</v>
      </c>
      <c r="E18" s="13">
        <v>42116</v>
      </c>
      <c r="F18" s="13" t="s">
        <v>3</v>
      </c>
      <c r="G18" s="14">
        <v>13</v>
      </c>
      <c r="H18" s="13" t="s">
        <v>3</v>
      </c>
      <c r="I18" s="12" t="s">
        <v>3</v>
      </c>
      <c r="J18" s="11" t="s">
        <v>10</v>
      </c>
    </row>
    <row r="19" spans="1:10" ht="15" customHeight="1" x14ac:dyDescent="0.4">
      <c r="A19" s="17"/>
      <c r="B19" s="16" t="s">
        <v>8</v>
      </c>
      <c r="C19" s="15" t="s">
        <v>9</v>
      </c>
      <c r="D19" s="13">
        <v>11309</v>
      </c>
      <c r="E19" s="13">
        <v>184757</v>
      </c>
      <c r="F19" s="13">
        <v>4025683</v>
      </c>
      <c r="G19" s="14">
        <v>16.3</v>
      </c>
      <c r="H19" s="13">
        <v>37244</v>
      </c>
      <c r="I19" s="12">
        <v>2290</v>
      </c>
      <c r="J19" s="11" t="s">
        <v>8</v>
      </c>
    </row>
    <row r="20" spans="1:10" ht="15" customHeight="1" x14ac:dyDescent="0.4">
      <c r="A20" s="17"/>
      <c r="B20" s="16" t="s">
        <v>5</v>
      </c>
      <c r="C20" s="15" t="s">
        <v>7</v>
      </c>
      <c r="D20" s="13">
        <v>436</v>
      </c>
      <c r="E20" s="13">
        <v>7550</v>
      </c>
      <c r="F20" s="13" t="s">
        <v>3</v>
      </c>
      <c r="G20" s="14">
        <v>17.3</v>
      </c>
      <c r="H20" s="13" t="s">
        <v>3</v>
      </c>
      <c r="I20" s="12" t="s">
        <v>3</v>
      </c>
      <c r="J20" s="11" t="s">
        <v>5</v>
      </c>
    </row>
    <row r="21" spans="1:10" ht="15" customHeight="1" x14ac:dyDescent="0.4">
      <c r="A21" s="17"/>
      <c r="B21" s="16" t="s">
        <v>2</v>
      </c>
      <c r="C21" s="15" t="s">
        <v>4</v>
      </c>
      <c r="D21" s="13">
        <v>8960</v>
      </c>
      <c r="E21" s="13">
        <v>257768</v>
      </c>
      <c r="F21" s="13" t="s">
        <v>3</v>
      </c>
      <c r="G21" s="14">
        <v>28.8</v>
      </c>
      <c r="H21" s="13" t="s">
        <v>3</v>
      </c>
      <c r="I21" s="12" t="s">
        <v>3</v>
      </c>
      <c r="J21" s="11" t="s">
        <v>2</v>
      </c>
    </row>
    <row r="22" spans="1:10" s="26" customFormat="1" ht="22.5" customHeight="1" x14ac:dyDescent="0.4">
      <c r="A22" s="25" t="s">
        <v>45</v>
      </c>
      <c r="B22" s="32"/>
      <c r="C22" s="31"/>
      <c r="D22" s="29"/>
      <c r="E22" s="29"/>
      <c r="F22" s="29"/>
      <c r="G22" s="30"/>
      <c r="H22" s="29"/>
      <c r="I22" s="28"/>
      <c r="J22" s="27"/>
    </row>
    <row r="23" spans="1:10" s="18" customFormat="1" ht="14.25" customHeight="1" x14ac:dyDescent="0.4">
      <c r="A23" s="25"/>
      <c r="B23" s="24" t="s">
        <v>39</v>
      </c>
      <c r="C23" s="23" t="s">
        <v>40</v>
      </c>
      <c r="D23" s="21">
        <v>53274</v>
      </c>
      <c r="E23" s="21">
        <v>159729</v>
      </c>
      <c r="F23" s="21" t="s">
        <v>3</v>
      </c>
      <c r="G23" s="22">
        <v>3</v>
      </c>
      <c r="H23" s="21" t="s">
        <v>3</v>
      </c>
      <c r="I23" s="20" t="s">
        <v>3</v>
      </c>
      <c r="J23" s="19" t="s">
        <v>39</v>
      </c>
    </row>
    <row r="24" spans="1:10" ht="15" customHeight="1" x14ac:dyDescent="0.4">
      <c r="A24" s="17"/>
      <c r="B24" s="16" t="s">
        <v>37</v>
      </c>
      <c r="C24" s="15" t="s">
        <v>38</v>
      </c>
      <c r="D24" s="13" t="s">
        <v>6</v>
      </c>
      <c r="E24" s="13" t="s">
        <v>6</v>
      </c>
      <c r="F24" s="13" t="s">
        <v>6</v>
      </c>
      <c r="G24" s="14" t="s">
        <v>6</v>
      </c>
      <c r="H24" s="13" t="s">
        <v>6</v>
      </c>
      <c r="I24" s="12" t="s">
        <v>6</v>
      </c>
      <c r="J24" s="11" t="s">
        <v>37</v>
      </c>
    </row>
    <row r="25" spans="1:10" ht="15" customHeight="1" x14ac:dyDescent="0.4">
      <c r="A25" s="17"/>
      <c r="B25" s="16" t="s">
        <v>35</v>
      </c>
      <c r="C25" s="15" t="s">
        <v>36</v>
      </c>
      <c r="D25" s="13" t="s">
        <v>6</v>
      </c>
      <c r="E25" s="13" t="s">
        <v>6</v>
      </c>
      <c r="F25" s="13" t="s">
        <v>6</v>
      </c>
      <c r="G25" s="14" t="s">
        <v>6</v>
      </c>
      <c r="H25" s="13" t="s">
        <v>6</v>
      </c>
      <c r="I25" s="12" t="s">
        <v>6</v>
      </c>
      <c r="J25" s="11" t="s">
        <v>35</v>
      </c>
    </row>
    <row r="26" spans="1:10" ht="15" customHeight="1" x14ac:dyDescent="0.4">
      <c r="A26" s="17"/>
      <c r="B26" s="16" t="s">
        <v>33</v>
      </c>
      <c r="C26" s="15" t="s">
        <v>34</v>
      </c>
      <c r="D26" s="13">
        <v>1254</v>
      </c>
      <c r="E26" s="13">
        <v>3994</v>
      </c>
      <c r="F26" s="13" t="s">
        <v>3</v>
      </c>
      <c r="G26" s="14">
        <v>3.2</v>
      </c>
      <c r="H26" s="13" t="s">
        <v>3</v>
      </c>
      <c r="I26" s="12" t="s">
        <v>3</v>
      </c>
      <c r="J26" s="11" t="s">
        <v>33</v>
      </c>
    </row>
    <row r="27" spans="1:10" ht="15" customHeight="1" x14ac:dyDescent="0.4">
      <c r="A27" s="17"/>
      <c r="B27" s="16" t="s">
        <v>30</v>
      </c>
      <c r="C27" s="15" t="s">
        <v>32</v>
      </c>
      <c r="D27" s="13">
        <v>4859</v>
      </c>
      <c r="E27" s="13">
        <v>13447</v>
      </c>
      <c r="F27" s="13">
        <v>80750</v>
      </c>
      <c r="G27" s="14">
        <v>2.8</v>
      </c>
      <c r="H27" s="13">
        <v>1667</v>
      </c>
      <c r="I27" s="12">
        <v>603</v>
      </c>
      <c r="J27" s="11" t="s">
        <v>30</v>
      </c>
    </row>
    <row r="28" spans="1:10" ht="15" customHeight="1" x14ac:dyDescent="0.4">
      <c r="A28" s="17"/>
      <c r="B28" s="16" t="s">
        <v>28</v>
      </c>
      <c r="C28" s="15" t="s">
        <v>29</v>
      </c>
      <c r="D28" s="13" t="s">
        <v>6</v>
      </c>
      <c r="E28" s="13" t="s">
        <v>6</v>
      </c>
      <c r="F28" s="13" t="s">
        <v>3</v>
      </c>
      <c r="G28" s="14" t="s">
        <v>6</v>
      </c>
      <c r="H28" s="13" t="s">
        <v>3</v>
      </c>
      <c r="I28" s="12" t="s">
        <v>3</v>
      </c>
      <c r="J28" s="11" t="s">
        <v>28</v>
      </c>
    </row>
    <row r="29" spans="1:10" ht="15" customHeight="1" x14ac:dyDescent="0.4">
      <c r="A29" s="17"/>
      <c r="B29" s="16" t="s">
        <v>26</v>
      </c>
      <c r="C29" s="15" t="s">
        <v>27</v>
      </c>
      <c r="D29" s="13">
        <v>137</v>
      </c>
      <c r="E29" s="13">
        <v>275</v>
      </c>
      <c r="F29" s="13" t="s">
        <v>3</v>
      </c>
      <c r="G29" s="14">
        <v>2</v>
      </c>
      <c r="H29" s="13" t="s">
        <v>3</v>
      </c>
      <c r="I29" s="12" t="s">
        <v>3</v>
      </c>
      <c r="J29" s="11" t="s">
        <v>26</v>
      </c>
    </row>
    <row r="30" spans="1:10" ht="15" customHeight="1" x14ac:dyDescent="0.4">
      <c r="A30" s="17"/>
      <c r="B30" s="16" t="s">
        <v>24</v>
      </c>
      <c r="C30" s="15" t="s">
        <v>25</v>
      </c>
      <c r="D30" s="13">
        <v>617</v>
      </c>
      <c r="E30" s="13">
        <v>981</v>
      </c>
      <c r="F30" s="13" t="s">
        <v>3</v>
      </c>
      <c r="G30" s="14">
        <v>1.6</v>
      </c>
      <c r="H30" s="13" t="s">
        <v>3</v>
      </c>
      <c r="I30" s="12" t="s">
        <v>3</v>
      </c>
      <c r="J30" s="11" t="s">
        <v>24</v>
      </c>
    </row>
    <row r="31" spans="1:10" ht="15" customHeight="1" x14ac:dyDescent="0.4">
      <c r="A31" s="17"/>
      <c r="B31" s="16" t="s">
        <v>22</v>
      </c>
      <c r="C31" s="15" t="s">
        <v>23</v>
      </c>
      <c r="D31" s="13">
        <v>11817</v>
      </c>
      <c r="E31" s="13">
        <v>34219</v>
      </c>
      <c r="F31" s="13">
        <v>307795</v>
      </c>
      <c r="G31" s="14">
        <v>2.9</v>
      </c>
      <c r="H31" s="13">
        <v>2635</v>
      </c>
      <c r="I31" s="12">
        <v>919</v>
      </c>
      <c r="J31" s="11" t="s">
        <v>22</v>
      </c>
    </row>
    <row r="32" spans="1:10" ht="15" customHeight="1" x14ac:dyDescent="0.4">
      <c r="A32" s="17"/>
      <c r="B32" s="16" t="s">
        <v>20</v>
      </c>
      <c r="C32" s="15" t="s">
        <v>21</v>
      </c>
      <c r="D32" s="13">
        <v>95</v>
      </c>
      <c r="E32" s="13">
        <v>213</v>
      </c>
      <c r="F32" s="13" t="s">
        <v>3</v>
      </c>
      <c r="G32" s="14">
        <v>2.2000000000000002</v>
      </c>
      <c r="H32" s="13" t="s">
        <v>3</v>
      </c>
      <c r="I32" s="12" t="s">
        <v>3</v>
      </c>
      <c r="J32" s="11" t="s">
        <v>20</v>
      </c>
    </row>
    <row r="33" spans="1:10" ht="15" customHeight="1" x14ac:dyDescent="0.4">
      <c r="A33" s="17"/>
      <c r="B33" s="16" t="s">
        <v>18</v>
      </c>
      <c r="C33" s="15" t="s">
        <v>19</v>
      </c>
      <c r="D33" s="13">
        <v>4165</v>
      </c>
      <c r="E33" s="13">
        <v>7265</v>
      </c>
      <c r="F33" s="13">
        <v>37853</v>
      </c>
      <c r="G33" s="14">
        <v>1.7</v>
      </c>
      <c r="H33" s="13">
        <v>915</v>
      </c>
      <c r="I33" s="12">
        <v>524</v>
      </c>
      <c r="J33" s="11" t="s">
        <v>18</v>
      </c>
    </row>
    <row r="34" spans="1:10" ht="15" customHeight="1" x14ac:dyDescent="0.4">
      <c r="A34" s="17"/>
      <c r="B34" s="16" t="s">
        <v>16</v>
      </c>
      <c r="C34" s="15" t="s">
        <v>17</v>
      </c>
      <c r="D34" s="13">
        <v>5041</v>
      </c>
      <c r="E34" s="13">
        <v>16957</v>
      </c>
      <c r="F34" s="13">
        <v>145141</v>
      </c>
      <c r="G34" s="14">
        <v>3.4</v>
      </c>
      <c r="H34" s="13">
        <v>2886</v>
      </c>
      <c r="I34" s="12">
        <v>858</v>
      </c>
      <c r="J34" s="11" t="s">
        <v>16</v>
      </c>
    </row>
    <row r="35" spans="1:10" ht="15" customHeight="1" x14ac:dyDescent="0.4">
      <c r="A35" s="17"/>
      <c r="B35" s="16" t="s">
        <v>14</v>
      </c>
      <c r="C35" s="15" t="s">
        <v>15</v>
      </c>
      <c r="D35" s="13">
        <v>12679</v>
      </c>
      <c r="E35" s="13">
        <v>39068</v>
      </c>
      <c r="F35" s="13">
        <v>138025</v>
      </c>
      <c r="G35" s="14">
        <v>3.1</v>
      </c>
      <c r="H35" s="13">
        <v>1100</v>
      </c>
      <c r="I35" s="12">
        <v>361</v>
      </c>
      <c r="J35" s="11" t="s">
        <v>14</v>
      </c>
    </row>
    <row r="36" spans="1:10" ht="15" customHeight="1" x14ac:dyDescent="0.4">
      <c r="A36" s="17"/>
      <c r="B36" s="16" t="s">
        <v>12</v>
      </c>
      <c r="C36" s="15" t="s">
        <v>13</v>
      </c>
      <c r="D36" s="13">
        <v>5632</v>
      </c>
      <c r="E36" s="13">
        <v>12251</v>
      </c>
      <c r="F36" s="13">
        <v>43041</v>
      </c>
      <c r="G36" s="14">
        <v>2.2000000000000002</v>
      </c>
      <c r="H36" s="13">
        <v>775</v>
      </c>
      <c r="I36" s="12">
        <v>360</v>
      </c>
      <c r="J36" s="11" t="s">
        <v>12</v>
      </c>
    </row>
    <row r="37" spans="1:10" ht="15" customHeight="1" x14ac:dyDescent="0.4">
      <c r="A37" s="17"/>
      <c r="B37" s="16" t="s">
        <v>10</v>
      </c>
      <c r="C37" s="15" t="s">
        <v>11</v>
      </c>
      <c r="D37" s="13">
        <v>1281</v>
      </c>
      <c r="E37" s="13">
        <v>3746</v>
      </c>
      <c r="F37" s="13" t="s">
        <v>3</v>
      </c>
      <c r="G37" s="14">
        <v>2.9</v>
      </c>
      <c r="H37" s="13" t="s">
        <v>3</v>
      </c>
      <c r="I37" s="12" t="s">
        <v>3</v>
      </c>
      <c r="J37" s="11" t="s">
        <v>10</v>
      </c>
    </row>
    <row r="38" spans="1:10" ht="15" customHeight="1" x14ac:dyDescent="0.4">
      <c r="A38" s="17"/>
      <c r="B38" s="16" t="s">
        <v>8</v>
      </c>
      <c r="C38" s="15" t="s">
        <v>9</v>
      </c>
      <c r="D38" s="13">
        <v>5007</v>
      </c>
      <c r="E38" s="13">
        <v>25568</v>
      </c>
      <c r="F38" s="13">
        <v>182728</v>
      </c>
      <c r="G38" s="14">
        <v>5.0999999999999996</v>
      </c>
      <c r="H38" s="13">
        <v>3678</v>
      </c>
      <c r="I38" s="12">
        <v>720</v>
      </c>
      <c r="J38" s="11" t="s">
        <v>8</v>
      </c>
    </row>
    <row r="39" spans="1:10" ht="15" customHeight="1" x14ac:dyDescent="0.4">
      <c r="A39" s="17"/>
      <c r="B39" s="16" t="s">
        <v>5</v>
      </c>
      <c r="C39" s="15" t="s">
        <v>7</v>
      </c>
      <c r="D39" s="13">
        <v>3</v>
      </c>
      <c r="E39" s="13">
        <v>6</v>
      </c>
      <c r="F39" s="13" t="s">
        <v>3</v>
      </c>
      <c r="G39" s="14">
        <v>2</v>
      </c>
      <c r="H39" s="13" t="s">
        <v>3</v>
      </c>
      <c r="I39" s="12" t="s">
        <v>3</v>
      </c>
      <c r="J39" s="11" t="s">
        <v>5</v>
      </c>
    </row>
    <row r="40" spans="1:10" ht="15" customHeight="1" x14ac:dyDescent="0.4">
      <c r="A40" s="17"/>
      <c r="B40" s="16" t="s">
        <v>2</v>
      </c>
      <c r="C40" s="15" t="s">
        <v>4</v>
      </c>
      <c r="D40" s="13">
        <v>687</v>
      </c>
      <c r="E40" s="13">
        <v>1739</v>
      </c>
      <c r="F40" s="13" t="s">
        <v>3</v>
      </c>
      <c r="G40" s="14">
        <v>2.5</v>
      </c>
      <c r="H40" s="13" t="s">
        <v>3</v>
      </c>
      <c r="I40" s="12" t="s">
        <v>3</v>
      </c>
      <c r="J40" s="11" t="s">
        <v>2</v>
      </c>
    </row>
    <row r="41" spans="1:10" s="26" customFormat="1" ht="22.5" customHeight="1" x14ac:dyDescent="0.4">
      <c r="A41" s="25" t="s">
        <v>44</v>
      </c>
      <c r="B41" s="32"/>
      <c r="C41" s="31"/>
      <c r="D41" s="29"/>
      <c r="E41" s="29"/>
      <c r="F41" s="29"/>
      <c r="G41" s="30"/>
      <c r="H41" s="29"/>
      <c r="I41" s="28"/>
      <c r="J41" s="27"/>
    </row>
    <row r="42" spans="1:10" s="18" customFormat="1" ht="14.25" customHeight="1" x14ac:dyDescent="0.4">
      <c r="A42" s="25"/>
      <c r="B42" s="24" t="s">
        <v>39</v>
      </c>
      <c r="C42" s="23" t="s">
        <v>40</v>
      </c>
      <c r="D42" s="21">
        <v>95514</v>
      </c>
      <c r="E42" s="21">
        <v>1687346</v>
      </c>
      <c r="F42" s="21" t="s">
        <v>3</v>
      </c>
      <c r="G42" s="22">
        <v>17.7</v>
      </c>
      <c r="H42" s="21" t="s">
        <v>3</v>
      </c>
      <c r="I42" s="20" t="s">
        <v>3</v>
      </c>
      <c r="J42" s="19" t="s">
        <v>39</v>
      </c>
    </row>
    <row r="43" spans="1:10" ht="15" customHeight="1" x14ac:dyDescent="0.4">
      <c r="A43" s="17"/>
      <c r="B43" s="16" t="s">
        <v>37</v>
      </c>
      <c r="C43" s="15" t="s">
        <v>38</v>
      </c>
      <c r="D43" s="13">
        <v>37</v>
      </c>
      <c r="E43" s="13">
        <v>352</v>
      </c>
      <c r="F43" s="13">
        <v>3005</v>
      </c>
      <c r="G43" s="14">
        <v>9.5</v>
      </c>
      <c r="H43" s="13">
        <v>9693</v>
      </c>
      <c r="I43" s="12">
        <v>1040</v>
      </c>
      <c r="J43" s="11" t="s">
        <v>37</v>
      </c>
    </row>
    <row r="44" spans="1:10" ht="15" customHeight="1" x14ac:dyDescent="0.4">
      <c r="A44" s="17"/>
      <c r="B44" s="16" t="s">
        <v>35</v>
      </c>
      <c r="C44" s="15" t="s">
        <v>36</v>
      </c>
      <c r="D44" s="13">
        <v>5</v>
      </c>
      <c r="E44" s="13">
        <v>32</v>
      </c>
      <c r="F44" s="13">
        <v>354</v>
      </c>
      <c r="G44" s="14">
        <v>6.4</v>
      </c>
      <c r="H44" s="13">
        <v>11792</v>
      </c>
      <c r="I44" s="12">
        <v>1220</v>
      </c>
      <c r="J44" s="11" t="s">
        <v>35</v>
      </c>
    </row>
    <row r="45" spans="1:10" ht="15" customHeight="1" x14ac:dyDescent="0.4">
      <c r="A45" s="17"/>
      <c r="B45" s="16" t="s">
        <v>33</v>
      </c>
      <c r="C45" s="15" t="s">
        <v>34</v>
      </c>
      <c r="D45" s="13">
        <v>6631</v>
      </c>
      <c r="E45" s="13">
        <v>104374</v>
      </c>
      <c r="F45" s="13" t="s">
        <v>3</v>
      </c>
      <c r="G45" s="14">
        <v>15.7</v>
      </c>
      <c r="H45" s="13" t="s">
        <v>3</v>
      </c>
      <c r="I45" s="12" t="s">
        <v>3</v>
      </c>
      <c r="J45" s="11" t="s">
        <v>33</v>
      </c>
    </row>
    <row r="46" spans="1:10" ht="15" customHeight="1" x14ac:dyDescent="0.4">
      <c r="A46" s="17"/>
      <c r="B46" s="16" t="s">
        <v>30</v>
      </c>
      <c r="C46" s="15" t="s">
        <v>32</v>
      </c>
      <c r="D46" s="13">
        <v>10336</v>
      </c>
      <c r="E46" s="13">
        <v>173815</v>
      </c>
      <c r="F46" s="13">
        <v>4628094</v>
      </c>
      <c r="G46" s="14">
        <v>16.8</v>
      </c>
      <c r="H46" s="13">
        <v>49456</v>
      </c>
      <c r="I46" s="12">
        <v>3267</v>
      </c>
      <c r="J46" s="11" t="s">
        <v>30</v>
      </c>
    </row>
    <row r="47" spans="1:10" ht="15" customHeight="1" x14ac:dyDescent="0.4">
      <c r="A47" s="17"/>
      <c r="B47" s="16" t="s">
        <v>28</v>
      </c>
      <c r="C47" s="15" t="s">
        <v>29</v>
      </c>
      <c r="D47" s="13">
        <v>68</v>
      </c>
      <c r="E47" s="13">
        <v>8068</v>
      </c>
      <c r="F47" s="13" t="s">
        <v>3</v>
      </c>
      <c r="G47" s="14">
        <v>118.6</v>
      </c>
      <c r="H47" s="13" t="s">
        <v>3</v>
      </c>
      <c r="I47" s="12" t="s">
        <v>3</v>
      </c>
      <c r="J47" s="11" t="s">
        <v>28</v>
      </c>
    </row>
    <row r="48" spans="1:10" ht="15" customHeight="1" x14ac:dyDescent="0.4">
      <c r="A48" s="17"/>
      <c r="B48" s="16" t="s">
        <v>26</v>
      </c>
      <c r="C48" s="15" t="s">
        <v>27</v>
      </c>
      <c r="D48" s="13">
        <v>3895</v>
      </c>
      <c r="E48" s="13">
        <v>116477</v>
      </c>
      <c r="F48" s="13" t="s">
        <v>3</v>
      </c>
      <c r="G48" s="14">
        <v>29.9</v>
      </c>
      <c r="H48" s="13" t="s">
        <v>3</v>
      </c>
      <c r="I48" s="12" t="s">
        <v>3</v>
      </c>
      <c r="J48" s="11" t="s">
        <v>26</v>
      </c>
    </row>
    <row r="49" spans="1:10" ht="15" customHeight="1" x14ac:dyDescent="0.4">
      <c r="A49" s="17"/>
      <c r="B49" s="16" t="s">
        <v>24</v>
      </c>
      <c r="C49" s="15" t="s">
        <v>25</v>
      </c>
      <c r="D49" s="13">
        <v>3150</v>
      </c>
      <c r="E49" s="13">
        <v>98496</v>
      </c>
      <c r="F49" s="13" t="s">
        <v>3</v>
      </c>
      <c r="G49" s="14">
        <v>31.3</v>
      </c>
      <c r="H49" s="13" t="s">
        <v>3</v>
      </c>
      <c r="I49" s="12" t="s">
        <v>3</v>
      </c>
      <c r="J49" s="11" t="s">
        <v>24</v>
      </c>
    </row>
    <row r="50" spans="1:10" ht="15" customHeight="1" x14ac:dyDescent="0.4">
      <c r="A50" s="17"/>
      <c r="B50" s="16" t="s">
        <v>22</v>
      </c>
      <c r="C50" s="15" t="s">
        <v>23</v>
      </c>
      <c r="D50" s="13">
        <v>32974</v>
      </c>
      <c r="E50" s="13">
        <v>474282</v>
      </c>
      <c r="F50" s="13">
        <v>44794538</v>
      </c>
      <c r="G50" s="14">
        <v>14.4</v>
      </c>
      <c r="H50" s="13">
        <v>148479</v>
      </c>
      <c r="I50" s="12">
        <v>10446</v>
      </c>
      <c r="J50" s="11" t="s">
        <v>22</v>
      </c>
    </row>
    <row r="51" spans="1:10" ht="15" customHeight="1" x14ac:dyDescent="0.4">
      <c r="A51" s="17"/>
      <c r="B51" s="16" t="s">
        <v>20</v>
      </c>
      <c r="C51" s="15" t="s">
        <v>21</v>
      </c>
      <c r="D51" s="13">
        <v>2382</v>
      </c>
      <c r="E51" s="13">
        <v>75023</v>
      </c>
      <c r="F51" s="13" t="s">
        <v>3</v>
      </c>
      <c r="G51" s="14">
        <v>31.5</v>
      </c>
      <c r="H51" s="13" t="s">
        <v>3</v>
      </c>
      <c r="I51" s="12" t="s">
        <v>3</v>
      </c>
      <c r="J51" s="11" t="s">
        <v>20</v>
      </c>
    </row>
    <row r="52" spans="1:10" ht="15" customHeight="1" x14ac:dyDescent="0.4">
      <c r="A52" s="17"/>
      <c r="B52" s="16" t="s">
        <v>18</v>
      </c>
      <c r="C52" s="15" t="s">
        <v>19</v>
      </c>
      <c r="D52" s="13">
        <v>9046</v>
      </c>
      <c r="E52" s="13">
        <v>67981</v>
      </c>
      <c r="F52" s="13">
        <v>3601038</v>
      </c>
      <c r="G52" s="14">
        <v>7.5</v>
      </c>
      <c r="H52" s="13">
        <v>43454</v>
      </c>
      <c r="I52" s="12">
        <v>5743</v>
      </c>
      <c r="J52" s="11" t="s">
        <v>18</v>
      </c>
    </row>
    <row r="53" spans="1:10" ht="15" customHeight="1" x14ac:dyDescent="0.4">
      <c r="A53" s="17"/>
      <c r="B53" s="16" t="s">
        <v>16</v>
      </c>
      <c r="C53" s="15" t="s">
        <v>17</v>
      </c>
      <c r="D53" s="13">
        <v>4908</v>
      </c>
      <c r="E53" s="13">
        <v>63084</v>
      </c>
      <c r="F53" s="13">
        <v>2019177</v>
      </c>
      <c r="G53" s="14">
        <v>12.9</v>
      </c>
      <c r="H53" s="13">
        <v>44329</v>
      </c>
      <c r="I53" s="12">
        <v>3552</v>
      </c>
      <c r="J53" s="11" t="s">
        <v>16</v>
      </c>
    </row>
    <row r="54" spans="1:10" ht="15" customHeight="1" x14ac:dyDescent="0.4">
      <c r="A54" s="17"/>
      <c r="B54" s="16" t="s">
        <v>14</v>
      </c>
      <c r="C54" s="15" t="s">
        <v>15</v>
      </c>
      <c r="D54" s="13">
        <v>8634</v>
      </c>
      <c r="E54" s="13">
        <v>147197</v>
      </c>
      <c r="F54" s="13">
        <v>918938</v>
      </c>
      <c r="G54" s="14">
        <v>17</v>
      </c>
      <c r="H54" s="13">
        <v>12477</v>
      </c>
      <c r="I54" s="12">
        <v>725</v>
      </c>
      <c r="J54" s="11" t="s">
        <v>14</v>
      </c>
    </row>
    <row r="55" spans="1:10" ht="15" customHeight="1" x14ac:dyDescent="0.4">
      <c r="A55" s="17"/>
      <c r="B55" s="16" t="s">
        <v>12</v>
      </c>
      <c r="C55" s="15" t="s">
        <v>13</v>
      </c>
      <c r="D55" s="13">
        <v>3966</v>
      </c>
      <c r="E55" s="13">
        <v>55226</v>
      </c>
      <c r="F55" s="13">
        <v>2290292</v>
      </c>
      <c r="G55" s="14">
        <v>13.9</v>
      </c>
      <c r="H55" s="13">
        <v>67560</v>
      </c>
      <c r="I55" s="12">
        <v>4880</v>
      </c>
      <c r="J55" s="11" t="s">
        <v>12</v>
      </c>
    </row>
    <row r="56" spans="1:10" ht="15" customHeight="1" x14ac:dyDescent="0.4">
      <c r="A56" s="17"/>
      <c r="B56" s="16" t="s">
        <v>10</v>
      </c>
      <c r="C56" s="15" t="s">
        <v>11</v>
      </c>
      <c r="D56" s="13">
        <v>1320</v>
      </c>
      <c r="E56" s="13">
        <v>15051</v>
      </c>
      <c r="F56" s="13" t="s">
        <v>3</v>
      </c>
      <c r="G56" s="14">
        <v>11.4</v>
      </c>
      <c r="H56" s="13" t="s">
        <v>3</v>
      </c>
      <c r="I56" s="12" t="s">
        <v>3</v>
      </c>
      <c r="J56" s="11" t="s">
        <v>10</v>
      </c>
    </row>
    <row r="57" spans="1:10" ht="15" customHeight="1" x14ac:dyDescent="0.4">
      <c r="A57" s="17"/>
      <c r="B57" s="16" t="s">
        <v>8</v>
      </c>
      <c r="C57" s="15" t="s">
        <v>9</v>
      </c>
      <c r="D57" s="13">
        <v>2613</v>
      </c>
      <c r="E57" s="13">
        <v>39813</v>
      </c>
      <c r="F57" s="13">
        <v>157109</v>
      </c>
      <c r="G57" s="14">
        <v>15.2</v>
      </c>
      <c r="H57" s="13">
        <v>6691</v>
      </c>
      <c r="I57" s="12">
        <v>451</v>
      </c>
      <c r="J57" s="11" t="s">
        <v>8</v>
      </c>
    </row>
    <row r="58" spans="1:10" ht="15" customHeight="1" x14ac:dyDescent="0.4">
      <c r="A58" s="17"/>
      <c r="B58" s="16" t="s">
        <v>5</v>
      </c>
      <c r="C58" s="15" t="s">
        <v>7</v>
      </c>
      <c r="D58" s="13">
        <v>387</v>
      </c>
      <c r="E58" s="13">
        <v>7094</v>
      </c>
      <c r="F58" s="13" t="s">
        <v>3</v>
      </c>
      <c r="G58" s="14">
        <v>18.3</v>
      </c>
      <c r="H58" s="13" t="s">
        <v>3</v>
      </c>
      <c r="I58" s="12" t="s">
        <v>3</v>
      </c>
      <c r="J58" s="11" t="s">
        <v>5</v>
      </c>
    </row>
    <row r="59" spans="1:10" ht="15" customHeight="1" x14ac:dyDescent="0.4">
      <c r="A59" s="17"/>
      <c r="B59" s="16" t="s">
        <v>2</v>
      </c>
      <c r="C59" s="15" t="s">
        <v>4</v>
      </c>
      <c r="D59" s="13">
        <v>5162</v>
      </c>
      <c r="E59" s="13">
        <v>240981</v>
      </c>
      <c r="F59" s="13" t="s">
        <v>3</v>
      </c>
      <c r="G59" s="14">
        <v>46.7</v>
      </c>
      <c r="H59" s="13" t="s">
        <v>3</v>
      </c>
      <c r="I59" s="12" t="s">
        <v>3</v>
      </c>
      <c r="J59" s="11" t="s">
        <v>2</v>
      </c>
    </row>
    <row r="60" spans="1:10" s="26" customFormat="1" ht="22.5" customHeight="1" x14ac:dyDescent="0.4">
      <c r="A60" s="25" t="s">
        <v>43</v>
      </c>
      <c r="B60" s="32"/>
      <c r="C60" s="31"/>
      <c r="D60" s="29"/>
      <c r="E60" s="29"/>
      <c r="F60" s="29"/>
      <c r="G60" s="30"/>
      <c r="H60" s="29"/>
      <c r="I60" s="28"/>
      <c r="J60" s="27"/>
    </row>
    <row r="61" spans="1:10" s="18" customFormat="1" ht="14.25" customHeight="1" x14ac:dyDescent="0.4">
      <c r="A61" s="25"/>
      <c r="B61" s="24" t="s">
        <v>39</v>
      </c>
      <c r="C61" s="23" t="s">
        <v>40</v>
      </c>
      <c r="D61" s="21">
        <v>9139</v>
      </c>
      <c r="E61" s="21">
        <v>186664</v>
      </c>
      <c r="F61" s="21" t="s">
        <v>3</v>
      </c>
      <c r="G61" s="22">
        <v>20.399999999999999</v>
      </c>
      <c r="H61" s="21" t="s">
        <v>3</v>
      </c>
      <c r="I61" s="20" t="s">
        <v>3</v>
      </c>
      <c r="J61" s="19" t="s">
        <v>39</v>
      </c>
    </row>
    <row r="62" spans="1:10" ht="15" customHeight="1" x14ac:dyDescent="0.4">
      <c r="A62" s="17"/>
      <c r="B62" s="16" t="s">
        <v>37</v>
      </c>
      <c r="C62" s="15" t="s">
        <v>38</v>
      </c>
      <c r="D62" s="13">
        <v>4</v>
      </c>
      <c r="E62" s="13">
        <v>31</v>
      </c>
      <c r="F62" s="13">
        <v>131</v>
      </c>
      <c r="G62" s="14">
        <v>7.8</v>
      </c>
      <c r="H62" s="13">
        <v>4381</v>
      </c>
      <c r="I62" s="12">
        <v>438</v>
      </c>
      <c r="J62" s="11" t="s">
        <v>37</v>
      </c>
    </row>
    <row r="63" spans="1:10" ht="15" customHeight="1" x14ac:dyDescent="0.4">
      <c r="A63" s="17"/>
      <c r="B63" s="16" t="s">
        <v>35</v>
      </c>
      <c r="C63" s="15" t="s">
        <v>36</v>
      </c>
      <c r="D63" s="13" t="s">
        <v>6</v>
      </c>
      <c r="E63" s="13" t="s">
        <v>6</v>
      </c>
      <c r="F63" s="13" t="s">
        <v>6</v>
      </c>
      <c r="G63" s="14" t="s">
        <v>6</v>
      </c>
      <c r="H63" s="13" t="s">
        <v>6</v>
      </c>
      <c r="I63" s="12" t="s">
        <v>6</v>
      </c>
      <c r="J63" s="11" t="s">
        <v>35</v>
      </c>
    </row>
    <row r="64" spans="1:10" ht="15" customHeight="1" x14ac:dyDescent="0.4">
      <c r="A64" s="17"/>
      <c r="B64" s="16" t="s">
        <v>33</v>
      </c>
      <c r="C64" s="15" t="s">
        <v>34</v>
      </c>
      <c r="D64" s="13">
        <v>8</v>
      </c>
      <c r="E64" s="13">
        <v>66</v>
      </c>
      <c r="F64" s="13" t="s">
        <v>3</v>
      </c>
      <c r="G64" s="14">
        <v>8.3000000000000007</v>
      </c>
      <c r="H64" s="13" t="s">
        <v>3</v>
      </c>
      <c r="I64" s="12" t="s">
        <v>3</v>
      </c>
      <c r="J64" s="11" t="s">
        <v>33</v>
      </c>
    </row>
    <row r="65" spans="1:10" ht="15" customHeight="1" x14ac:dyDescent="0.4">
      <c r="A65" s="17"/>
      <c r="B65" s="16" t="s">
        <v>30</v>
      </c>
      <c r="C65" s="15" t="s">
        <v>32</v>
      </c>
      <c r="D65" s="13">
        <v>15</v>
      </c>
      <c r="E65" s="13">
        <v>900</v>
      </c>
      <c r="F65" s="13">
        <v>19094</v>
      </c>
      <c r="G65" s="14">
        <v>60</v>
      </c>
      <c r="H65" s="13">
        <v>136382</v>
      </c>
      <c r="I65" s="12">
        <v>2150</v>
      </c>
      <c r="J65" s="11" t="s">
        <v>30</v>
      </c>
    </row>
    <row r="66" spans="1:10" ht="15" customHeight="1" x14ac:dyDescent="0.4">
      <c r="A66" s="17"/>
      <c r="B66" s="16" t="s">
        <v>28</v>
      </c>
      <c r="C66" s="15" t="s">
        <v>29</v>
      </c>
      <c r="D66" s="13">
        <v>5</v>
      </c>
      <c r="E66" s="13">
        <v>361</v>
      </c>
      <c r="F66" s="13" t="s">
        <v>3</v>
      </c>
      <c r="G66" s="14">
        <v>72.2</v>
      </c>
      <c r="H66" s="13" t="s">
        <v>3</v>
      </c>
      <c r="I66" s="12" t="s">
        <v>3</v>
      </c>
      <c r="J66" s="11" t="s">
        <v>28</v>
      </c>
    </row>
    <row r="67" spans="1:10" ht="15" customHeight="1" x14ac:dyDescent="0.4">
      <c r="A67" s="17"/>
      <c r="B67" s="16" t="s">
        <v>26</v>
      </c>
      <c r="C67" s="15" t="s">
        <v>27</v>
      </c>
      <c r="D67" s="13">
        <v>42</v>
      </c>
      <c r="E67" s="13">
        <v>1143</v>
      </c>
      <c r="F67" s="13" t="s">
        <v>3</v>
      </c>
      <c r="G67" s="14">
        <v>27.2</v>
      </c>
      <c r="H67" s="13" t="s">
        <v>3</v>
      </c>
      <c r="I67" s="12" t="s">
        <v>3</v>
      </c>
      <c r="J67" s="11" t="s">
        <v>26</v>
      </c>
    </row>
    <row r="68" spans="1:10" ht="15" customHeight="1" x14ac:dyDescent="0.4">
      <c r="A68" s="17"/>
      <c r="B68" s="16" t="s">
        <v>24</v>
      </c>
      <c r="C68" s="15" t="s">
        <v>25</v>
      </c>
      <c r="D68" s="13">
        <v>43</v>
      </c>
      <c r="E68" s="13">
        <v>784</v>
      </c>
      <c r="F68" s="13" t="s">
        <v>3</v>
      </c>
      <c r="G68" s="14">
        <v>18.2</v>
      </c>
      <c r="H68" s="13" t="s">
        <v>3</v>
      </c>
      <c r="I68" s="12" t="s">
        <v>3</v>
      </c>
      <c r="J68" s="11" t="s">
        <v>24</v>
      </c>
    </row>
    <row r="69" spans="1:10" ht="15" customHeight="1" x14ac:dyDescent="0.4">
      <c r="A69" s="17"/>
      <c r="B69" s="16" t="s">
        <v>22</v>
      </c>
      <c r="C69" s="15" t="s">
        <v>23</v>
      </c>
      <c r="D69" s="13">
        <v>459</v>
      </c>
      <c r="E69" s="13">
        <v>3352</v>
      </c>
      <c r="F69" s="13">
        <v>731009</v>
      </c>
      <c r="G69" s="14">
        <v>7.3</v>
      </c>
      <c r="H69" s="13">
        <v>173225</v>
      </c>
      <c r="I69" s="12">
        <v>26601</v>
      </c>
      <c r="J69" s="11" t="s">
        <v>22</v>
      </c>
    </row>
    <row r="70" spans="1:10" ht="15" customHeight="1" x14ac:dyDescent="0.4">
      <c r="A70" s="17"/>
      <c r="B70" s="16" t="s">
        <v>20</v>
      </c>
      <c r="C70" s="15" t="s">
        <v>21</v>
      </c>
      <c r="D70" s="13">
        <v>288</v>
      </c>
      <c r="E70" s="13">
        <v>7861</v>
      </c>
      <c r="F70" s="13" t="s">
        <v>3</v>
      </c>
      <c r="G70" s="14">
        <v>27.3</v>
      </c>
      <c r="H70" s="13" t="s">
        <v>3</v>
      </c>
      <c r="I70" s="12" t="s">
        <v>3</v>
      </c>
      <c r="J70" s="11" t="s">
        <v>20</v>
      </c>
    </row>
    <row r="71" spans="1:10" ht="15" customHeight="1" x14ac:dyDescent="0.4">
      <c r="A71" s="17"/>
      <c r="B71" s="16" t="s">
        <v>18</v>
      </c>
      <c r="C71" s="15" t="s">
        <v>19</v>
      </c>
      <c r="D71" s="13">
        <v>120</v>
      </c>
      <c r="E71" s="13">
        <v>1581</v>
      </c>
      <c r="F71" s="13">
        <v>228768</v>
      </c>
      <c r="G71" s="14">
        <v>13.2</v>
      </c>
      <c r="H71" s="13">
        <v>204258</v>
      </c>
      <c r="I71" s="12">
        <v>16317</v>
      </c>
      <c r="J71" s="11" t="s">
        <v>18</v>
      </c>
    </row>
    <row r="72" spans="1:10" ht="15" customHeight="1" x14ac:dyDescent="0.4">
      <c r="A72" s="17"/>
      <c r="B72" s="16" t="s">
        <v>16</v>
      </c>
      <c r="C72" s="15" t="s">
        <v>17</v>
      </c>
      <c r="D72" s="13">
        <v>586</v>
      </c>
      <c r="E72" s="13">
        <v>10214</v>
      </c>
      <c r="F72" s="13">
        <v>167841</v>
      </c>
      <c r="G72" s="14">
        <v>17.399999999999999</v>
      </c>
      <c r="H72" s="13">
        <v>31082</v>
      </c>
      <c r="I72" s="12">
        <v>1706</v>
      </c>
      <c r="J72" s="11" t="s">
        <v>16</v>
      </c>
    </row>
    <row r="73" spans="1:10" ht="15" customHeight="1" x14ac:dyDescent="0.4">
      <c r="A73" s="17"/>
      <c r="B73" s="16" t="s">
        <v>14</v>
      </c>
      <c r="C73" s="15" t="s">
        <v>15</v>
      </c>
      <c r="D73" s="13">
        <v>31</v>
      </c>
      <c r="E73" s="13">
        <v>483</v>
      </c>
      <c r="F73" s="13">
        <v>6148</v>
      </c>
      <c r="G73" s="14">
        <v>15.6</v>
      </c>
      <c r="H73" s="13">
        <v>23648</v>
      </c>
      <c r="I73" s="12">
        <v>1283</v>
      </c>
      <c r="J73" s="11" t="s">
        <v>14</v>
      </c>
    </row>
    <row r="74" spans="1:10" ht="15" customHeight="1" x14ac:dyDescent="0.4">
      <c r="A74" s="17"/>
      <c r="B74" s="16" t="s">
        <v>12</v>
      </c>
      <c r="C74" s="15" t="s">
        <v>13</v>
      </c>
      <c r="D74" s="13">
        <v>64</v>
      </c>
      <c r="E74" s="13">
        <v>1695</v>
      </c>
      <c r="F74" s="13">
        <v>119991</v>
      </c>
      <c r="G74" s="14">
        <v>26.5</v>
      </c>
      <c r="H74" s="13">
        <v>214270</v>
      </c>
      <c r="I74" s="12">
        <v>7361</v>
      </c>
      <c r="J74" s="11" t="s">
        <v>12</v>
      </c>
    </row>
    <row r="75" spans="1:10" ht="15" customHeight="1" x14ac:dyDescent="0.4">
      <c r="A75" s="17"/>
      <c r="B75" s="16" t="s">
        <v>10</v>
      </c>
      <c r="C75" s="15" t="s">
        <v>11</v>
      </c>
      <c r="D75" s="13">
        <v>628</v>
      </c>
      <c r="E75" s="13">
        <v>23319</v>
      </c>
      <c r="F75" s="13" t="s">
        <v>3</v>
      </c>
      <c r="G75" s="14">
        <v>37.1</v>
      </c>
      <c r="H75" s="13" t="s">
        <v>3</v>
      </c>
      <c r="I75" s="12" t="s">
        <v>3</v>
      </c>
      <c r="J75" s="11" t="s">
        <v>10</v>
      </c>
    </row>
    <row r="76" spans="1:10" ht="15" customHeight="1" x14ac:dyDescent="0.4">
      <c r="A76" s="17"/>
      <c r="B76" s="16" t="s">
        <v>8</v>
      </c>
      <c r="C76" s="15" t="s">
        <v>9</v>
      </c>
      <c r="D76" s="13">
        <v>3689</v>
      </c>
      <c r="E76" s="13">
        <v>119376</v>
      </c>
      <c r="F76" s="13">
        <v>3685846</v>
      </c>
      <c r="G76" s="14">
        <v>32.4</v>
      </c>
      <c r="H76" s="13">
        <v>105521</v>
      </c>
      <c r="I76" s="12">
        <v>3190</v>
      </c>
      <c r="J76" s="11" t="s">
        <v>8</v>
      </c>
    </row>
    <row r="77" spans="1:10" ht="15" customHeight="1" x14ac:dyDescent="0.4">
      <c r="A77" s="17"/>
      <c r="B77" s="16" t="s">
        <v>5</v>
      </c>
      <c r="C77" s="15" t="s">
        <v>7</v>
      </c>
      <c r="D77" s="13">
        <v>46</v>
      </c>
      <c r="E77" s="13">
        <v>450</v>
      </c>
      <c r="F77" s="13" t="s">
        <v>3</v>
      </c>
      <c r="G77" s="14">
        <v>9.8000000000000007</v>
      </c>
      <c r="H77" s="13" t="s">
        <v>3</v>
      </c>
      <c r="I77" s="12" t="s">
        <v>3</v>
      </c>
      <c r="J77" s="11" t="s">
        <v>5</v>
      </c>
    </row>
    <row r="78" spans="1:10" ht="15" customHeight="1" x14ac:dyDescent="0.4">
      <c r="A78" s="17"/>
      <c r="B78" s="16" t="s">
        <v>2</v>
      </c>
      <c r="C78" s="15" t="s">
        <v>4</v>
      </c>
      <c r="D78" s="13">
        <v>3111</v>
      </c>
      <c r="E78" s="13">
        <v>15048</v>
      </c>
      <c r="F78" s="13" t="s">
        <v>3</v>
      </c>
      <c r="G78" s="14">
        <v>4.8</v>
      </c>
      <c r="H78" s="13" t="s">
        <v>3</v>
      </c>
      <c r="I78" s="12" t="s">
        <v>3</v>
      </c>
      <c r="J78" s="11" t="s">
        <v>2</v>
      </c>
    </row>
    <row r="79" spans="1:10" s="26" customFormat="1" ht="22.5" customHeight="1" x14ac:dyDescent="0.4">
      <c r="A79" s="25" t="s">
        <v>42</v>
      </c>
      <c r="B79" s="32"/>
      <c r="C79" s="31"/>
      <c r="D79" s="29"/>
      <c r="E79" s="29"/>
      <c r="F79" s="29"/>
      <c r="G79" s="30"/>
      <c r="H79" s="29"/>
      <c r="I79" s="28"/>
      <c r="J79" s="27"/>
    </row>
    <row r="80" spans="1:10" s="18" customFormat="1" ht="14.25" customHeight="1" x14ac:dyDescent="0.4">
      <c r="A80" s="25"/>
      <c r="B80" s="24" t="s">
        <v>39</v>
      </c>
      <c r="C80" s="23" t="s">
        <v>40</v>
      </c>
      <c r="D80" s="21">
        <v>106</v>
      </c>
      <c r="E80" s="21">
        <v>1581</v>
      </c>
      <c r="F80" s="21" t="s">
        <v>3</v>
      </c>
      <c r="G80" s="22">
        <v>14.9</v>
      </c>
      <c r="H80" s="21" t="s">
        <v>3</v>
      </c>
      <c r="I80" s="20" t="s">
        <v>3</v>
      </c>
      <c r="J80" s="19" t="s">
        <v>39</v>
      </c>
    </row>
    <row r="81" spans="1:10" ht="15" customHeight="1" x14ac:dyDescent="0.4">
      <c r="A81" s="17"/>
      <c r="B81" s="16" t="s">
        <v>37</v>
      </c>
      <c r="C81" s="15" t="s">
        <v>38</v>
      </c>
      <c r="D81" s="13" t="s">
        <v>6</v>
      </c>
      <c r="E81" s="13" t="s">
        <v>6</v>
      </c>
      <c r="F81" s="13" t="s">
        <v>6</v>
      </c>
      <c r="G81" s="14" t="s">
        <v>6</v>
      </c>
      <c r="H81" s="13" t="s">
        <v>6</v>
      </c>
      <c r="I81" s="12" t="s">
        <v>6</v>
      </c>
      <c r="J81" s="11" t="s">
        <v>37</v>
      </c>
    </row>
    <row r="82" spans="1:10" ht="15" customHeight="1" x14ac:dyDescent="0.4">
      <c r="A82" s="17"/>
      <c r="B82" s="16" t="s">
        <v>35</v>
      </c>
      <c r="C82" s="15" t="s">
        <v>36</v>
      </c>
      <c r="D82" s="13" t="s">
        <v>6</v>
      </c>
      <c r="E82" s="13" t="s">
        <v>6</v>
      </c>
      <c r="F82" s="13" t="s">
        <v>6</v>
      </c>
      <c r="G82" s="14" t="s">
        <v>6</v>
      </c>
      <c r="H82" s="13" t="s">
        <v>6</v>
      </c>
      <c r="I82" s="12" t="s">
        <v>6</v>
      </c>
      <c r="J82" s="11" t="s">
        <v>35</v>
      </c>
    </row>
    <row r="83" spans="1:10" ht="15" customHeight="1" x14ac:dyDescent="0.4">
      <c r="A83" s="17"/>
      <c r="B83" s="16" t="s">
        <v>33</v>
      </c>
      <c r="C83" s="15" t="s">
        <v>34</v>
      </c>
      <c r="D83" s="13" t="s">
        <v>6</v>
      </c>
      <c r="E83" s="13" t="s">
        <v>6</v>
      </c>
      <c r="F83" s="13" t="s">
        <v>3</v>
      </c>
      <c r="G83" s="14" t="s">
        <v>6</v>
      </c>
      <c r="H83" s="13" t="s">
        <v>3</v>
      </c>
      <c r="I83" s="12" t="s">
        <v>3</v>
      </c>
      <c r="J83" s="11" t="s">
        <v>33</v>
      </c>
    </row>
    <row r="84" spans="1:10" ht="15" customHeight="1" x14ac:dyDescent="0.4">
      <c r="A84" s="17"/>
      <c r="B84" s="16" t="s">
        <v>30</v>
      </c>
      <c r="C84" s="15" t="s">
        <v>32</v>
      </c>
      <c r="D84" s="13">
        <v>1</v>
      </c>
      <c r="E84" s="13">
        <v>3</v>
      </c>
      <c r="F84" s="13" t="s">
        <v>31</v>
      </c>
      <c r="G84" s="14">
        <v>3</v>
      </c>
      <c r="H84" s="13" t="s">
        <v>31</v>
      </c>
      <c r="I84" s="12" t="s">
        <v>31</v>
      </c>
      <c r="J84" s="11" t="s">
        <v>30</v>
      </c>
    </row>
    <row r="85" spans="1:10" ht="15" customHeight="1" x14ac:dyDescent="0.4">
      <c r="A85" s="17"/>
      <c r="B85" s="16" t="s">
        <v>28</v>
      </c>
      <c r="C85" s="15" t="s">
        <v>29</v>
      </c>
      <c r="D85" s="13" t="s">
        <v>6</v>
      </c>
      <c r="E85" s="13" t="s">
        <v>6</v>
      </c>
      <c r="F85" s="13" t="s">
        <v>3</v>
      </c>
      <c r="G85" s="14" t="s">
        <v>6</v>
      </c>
      <c r="H85" s="13" t="s">
        <v>3</v>
      </c>
      <c r="I85" s="12" t="s">
        <v>3</v>
      </c>
      <c r="J85" s="11" t="s">
        <v>28</v>
      </c>
    </row>
    <row r="86" spans="1:10" ht="15" customHeight="1" x14ac:dyDescent="0.4">
      <c r="A86" s="17"/>
      <c r="B86" s="16" t="s">
        <v>26</v>
      </c>
      <c r="C86" s="15" t="s">
        <v>27</v>
      </c>
      <c r="D86" s="13">
        <v>4</v>
      </c>
      <c r="E86" s="13">
        <v>24</v>
      </c>
      <c r="F86" s="13" t="s">
        <v>3</v>
      </c>
      <c r="G86" s="14">
        <v>6</v>
      </c>
      <c r="H86" s="13" t="s">
        <v>3</v>
      </c>
      <c r="I86" s="12" t="s">
        <v>3</v>
      </c>
      <c r="J86" s="11" t="s">
        <v>26</v>
      </c>
    </row>
    <row r="87" spans="1:10" ht="15" customHeight="1" x14ac:dyDescent="0.4">
      <c r="A87" s="17"/>
      <c r="B87" s="16" t="s">
        <v>24</v>
      </c>
      <c r="C87" s="15" t="s">
        <v>25</v>
      </c>
      <c r="D87" s="13">
        <v>28</v>
      </c>
      <c r="E87" s="13">
        <v>375</v>
      </c>
      <c r="F87" s="13" t="s">
        <v>3</v>
      </c>
      <c r="G87" s="14">
        <v>13.4</v>
      </c>
      <c r="H87" s="13" t="s">
        <v>3</v>
      </c>
      <c r="I87" s="12" t="s">
        <v>3</v>
      </c>
      <c r="J87" s="11" t="s">
        <v>24</v>
      </c>
    </row>
    <row r="88" spans="1:10" ht="15" customHeight="1" x14ac:dyDescent="0.4">
      <c r="A88" s="17"/>
      <c r="B88" s="16" t="s">
        <v>22</v>
      </c>
      <c r="C88" s="15" t="s">
        <v>23</v>
      </c>
      <c r="D88" s="13">
        <v>25</v>
      </c>
      <c r="E88" s="13">
        <v>216</v>
      </c>
      <c r="F88" s="13">
        <v>5936</v>
      </c>
      <c r="G88" s="14">
        <v>8.6</v>
      </c>
      <c r="H88" s="13">
        <v>39570</v>
      </c>
      <c r="I88" s="12">
        <v>5073</v>
      </c>
      <c r="J88" s="11" t="s">
        <v>22</v>
      </c>
    </row>
    <row r="89" spans="1:10" ht="15" customHeight="1" x14ac:dyDescent="0.4">
      <c r="A89" s="17"/>
      <c r="B89" s="16" t="s">
        <v>20</v>
      </c>
      <c r="C89" s="15" t="s">
        <v>21</v>
      </c>
      <c r="D89" s="13">
        <v>19</v>
      </c>
      <c r="E89" s="13">
        <v>834</v>
      </c>
      <c r="F89" s="13" t="s">
        <v>3</v>
      </c>
      <c r="G89" s="14">
        <v>43.9</v>
      </c>
      <c r="H89" s="13" t="s">
        <v>3</v>
      </c>
      <c r="I89" s="12" t="s">
        <v>3</v>
      </c>
      <c r="J89" s="11" t="s">
        <v>20</v>
      </c>
    </row>
    <row r="90" spans="1:10" ht="15" customHeight="1" x14ac:dyDescent="0.4">
      <c r="A90" s="17"/>
      <c r="B90" s="16" t="s">
        <v>18</v>
      </c>
      <c r="C90" s="15" t="s">
        <v>19</v>
      </c>
      <c r="D90" s="13">
        <v>2</v>
      </c>
      <c r="E90" s="13">
        <v>43</v>
      </c>
      <c r="F90" s="13" t="s">
        <v>31</v>
      </c>
      <c r="G90" s="14">
        <v>21.5</v>
      </c>
      <c r="H90" s="13" t="s">
        <v>31</v>
      </c>
      <c r="I90" s="12" t="s">
        <v>31</v>
      </c>
      <c r="J90" s="11" t="s">
        <v>18</v>
      </c>
    </row>
    <row r="91" spans="1:10" ht="15" customHeight="1" x14ac:dyDescent="0.4">
      <c r="A91" s="17"/>
      <c r="B91" s="16" t="s">
        <v>16</v>
      </c>
      <c r="C91" s="15" t="s">
        <v>17</v>
      </c>
      <c r="D91" s="13">
        <v>5</v>
      </c>
      <c r="E91" s="13">
        <v>24</v>
      </c>
      <c r="F91" s="13">
        <v>215</v>
      </c>
      <c r="G91" s="14">
        <v>4.8</v>
      </c>
      <c r="H91" s="13">
        <v>7154</v>
      </c>
      <c r="I91" s="12">
        <v>1533</v>
      </c>
      <c r="J91" s="11" t="s">
        <v>16</v>
      </c>
    </row>
    <row r="92" spans="1:10" ht="15" customHeight="1" x14ac:dyDescent="0.4">
      <c r="A92" s="17"/>
      <c r="B92" s="16" t="s">
        <v>14</v>
      </c>
      <c r="C92" s="15" t="s">
        <v>15</v>
      </c>
      <c r="D92" s="13" t="s">
        <v>6</v>
      </c>
      <c r="E92" s="13" t="s">
        <v>6</v>
      </c>
      <c r="F92" s="13" t="s">
        <v>6</v>
      </c>
      <c r="G92" s="14" t="s">
        <v>6</v>
      </c>
      <c r="H92" s="13" t="s">
        <v>6</v>
      </c>
      <c r="I92" s="12" t="s">
        <v>6</v>
      </c>
      <c r="J92" s="11" t="s">
        <v>14</v>
      </c>
    </row>
    <row r="93" spans="1:10" ht="15" customHeight="1" x14ac:dyDescent="0.4">
      <c r="A93" s="17"/>
      <c r="B93" s="16" t="s">
        <v>12</v>
      </c>
      <c r="C93" s="15" t="s">
        <v>13</v>
      </c>
      <c r="D93" s="13">
        <v>12</v>
      </c>
      <c r="E93" s="13">
        <v>37</v>
      </c>
      <c r="F93" s="13">
        <v>165</v>
      </c>
      <c r="G93" s="14">
        <v>3.1</v>
      </c>
      <c r="H93" s="13">
        <v>5493</v>
      </c>
      <c r="I93" s="12">
        <v>2747</v>
      </c>
      <c r="J93" s="11" t="s">
        <v>12</v>
      </c>
    </row>
    <row r="94" spans="1:10" ht="15" customHeight="1" x14ac:dyDescent="0.4">
      <c r="A94" s="17"/>
      <c r="B94" s="16" t="s">
        <v>10</v>
      </c>
      <c r="C94" s="15" t="s">
        <v>11</v>
      </c>
      <c r="D94" s="13">
        <v>1</v>
      </c>
      <c r="E94" s="13">
        <v>1</v>
      </c>
      <c r="F94" s="13" t="s">
        <v>3</v>
      </c>
      <c r="G94" s="14">
        <v>1</v>
      </c>
      <c r="H94" s="13" t="s">
        <v>3</v>
      </c>
      <c r="I94" s="12" t="s">
        <v>3</v>
      </c>
      <c r="J94" s="11" t="s">
        <v>10</v>
      </c>
    </row>
    <row r="95" spans="1:10" ht="15" customHeight="1" x14ac:dyDescent="0.4">
      <c r="A95" s="17"/>
      <c r="B95" s="16" t="s">
        <v>8</v>
      </c>
      <c r="C95" s="15" t="s">
        <v>9</v>
      </c>
      <c r="D95" s="13" t="s">
        <v>6</v>
      </c>
      <c r="E95" s="13" t="s">
        <v>6</v>
      </c>
      <c r="F95" s="13" t="s">
        <v>6</v>
      </c>
      <c r="G95" s="14" t="s">
        <v>6</v>
      </c>
      <c r="H95" s="13" t="s">
        <v>6</v>
      </c>
      <c r="I95" s="12" t="s">
        <v>6</v>
      </c>
      <c r="J95" s="11" t="s">
        <v>8</v>
      </c>
    </row>
    <row r="96" spans="1:10" ht="15" customHeight="1" x14ac:dyDescent="0.4">
      <c r="A96" s="17"/>
      <c r="B96" s="16" t="s">
        <v>5</v>
      </c>
      <c r="C96" s="15" t="s">
        <v>7</v>
      </c>
      <c r="D96" s="13" t="s">
        <v>6</v>
      </c>
      <c r="E96" s="13" t="s">
        <v>6</v>
      </c>
      <c r="F96" s="13" t="s">
        <v>3</v>
      </c>
      <c r="G96" s="14" t="s">
        <v>6</v>
      </c>
      <c r="H96" s="13" t="s">
        <v>3</v>
      </c>
      <c r="I96" s="12" t="s">
        <v>3</v>
      </c>
      <c r="J96" s="11" t="s">
        <v>5</v>
      </c>
    </row>
    <row r="97" spans="1:10" ht="15" customHeight="1" x14ac:dyDescent="0.4">
      <c r="A97" s="17"/>
      <c r="B97" s="16" t="s">
        <v>2</v>
      </c>
      <c r="C97" s="15" t="s">
        <v>4</v>
      </c>
      <c r="D97" s="13">
        <v>9</v>
      </c>
      <c r="E97" s="13">
        <v>24</v>
      </c>
      <c r="F97" s="13" t="s">
        <v>3</v>
      </c>
      <c r="G97" s="14">
        <v>2.7</v>
      </c>
      <c r="H97" s="13" t="s">
        <v>3</v>
      </c>
      <c r="I97" s="12" t="s">
        <v>3</v>
      </c>
      <c r="J97" s="11" t="s">
        <v>2</v>
      </c>
    </row>
    <row r="98" spans="1:10" s="26" customFormat="1" ht="22.5" customHeight="1" x14ac:dyDescent="0.4">
      <c r="A98" s="25" t="s">
        <v>41</v>
      </c>
      <c r="B98" s="32"/>
      <c r="C98" s="31"/>
      <c r="D98" s="29"/>
      <c r="E98" s="29"/>
      <c r="F98" s="29"/>
      <c r="G98" s="30"/>
      <c r="H98" s="29"/>
      <c r="I98" s="28"/>
      <c r="J98" s="27"/>
    </row>
    <row r="99" spans="1:10" s="18" customFormat="1" ht="14.25" customHeight="1" x14ac:dyDescent="0.4">
      <c r="A99" s="25"/>
      <c r="B99" s="24" t="s">
        <v>39</v>
      </c>
      <c r="C99" s="23" t="s">
        <v>40</v>
      </c>
      <c r="D99" s="21">
        <v>674</v>
      </c>
      <c r="E99" s="21">
        <v>2139</v>
      </c>
      <c r="F99" s="21" t="s">
        <v>3</v>
      </c>
      <c r="G99" s="22">
        <v>3.2</v>
      </c>
      <c r="H99" s="21" t="s">
        <v>3</v>
      </c>
      <c r="I99" s="20" t="s">
        <v>3</v>
      </c>
      <c r="J99" s="19" t="s">
        <v>39</v>
      </c>
    </row>
    <row r="100" spans="1:10" ht="15" customHeight="1" x14ac:dyDescent="0.4">
      <c r="A100" s="17"/>
      <c r="B100" s="16" t="s">
        <v>37</v>
      </c>
      <c r="C100" s="15" t="s">
        <v>38</v>
      </c>
      <c r="D100" s="13">
        <v>1</v>
      </c>
      <c r="E100" s="13" t="s">
        <v>6</v>
      </c>
      <c r="F100" s="13" t="s">
        <v>31</v>
      </c>
      <c r="G100" s="14" t="s">
        <v>6</v>
      </c>
      <c r="H100" s="13" t="s">
        <v>31</v>
      </c>
      <c r="I100" s="12" t="s">
        <v>31</v>
      </c>
      <c r="J100" s="11" t="s">
        <v>37</v>
      </c>
    </row>
    <row r="101" spans="1:10" ht="15" customHeight="1" x14ac:dyDescent="0.4">
      <c r="A101" s="17"/>
      <c r="B101" s="16" t="s">
        <v>35</v>
      </c>
      <c r="C101" s="15" t="s">
        <v>36</v>
      </c>
      <c r="D101" s="13" t="s">
        <v>6</v>
      </c>
      <c r="E101" s="13" t="s">
        <v>6</v>
      </c>
      <c r="F101" s="13" t="s">
        <v>6</v>
      </c>
      <c r="G101" s="14" t="s">
        <v>6</v>
      </c>
      <c r="H101" s="13" t="s">
        <v>6</v>
      </c>
      <c r="I101" s="12" t="s">
        <v>6</v>
      </c>
      <c r="J101" s="11" t="s">
        <v>35</v>
      </c>
    </row>
    <row r="102" spans="1:10" ht="15" customHeight="1" x14ac:dyDescent="0.4">
      <c r="A102" s="17"/>
      <c r="B102" s="16" t="s">
        <v>33</v>
      </c>
      <c r="C102" s="15" t="s">
        <v>34</v>
      </c>
      <c r="D102" s="13" t="s">
        <v>6</v>
      </c>
      <c r="E102" s="13" t="s">
        <v>6</v>
      </c>
      <c r="F102" s="13" t="s">
        <v>3</v>
      </c>
      <c r="G102" s="14" t="s">
        <v>6</v>
      </c>
      <c r="H102" s="13" t="s">
        <v>3</v>
      </c>
      <c r="I102" s="12" t="s">
        <v>3</v>
      </c>
      <c r="J102" s="11" t="s">
        <v>33</v>
      </c>
    </row>
    <row r="103" spans="1:10" ht="15" customHeight="1" x14ac:dyDescent="0.4">
      <c r="A103" s="17"/>
      <c r="B103" s="16" t="s">
        <v>30</v>
      </c>
      <c r="C103" s="15" t="s">
        <v>32</v>
      </c>
      <c r="D103" s="13">
        <v>1</v>
      </c>
      <c r="E103" s="13">
        <v>12</v>
      </c>
      <c r="F103" s="13" t="s">
        <v>31</v>
      </c>
      <c r="G103" s="14">
        <v>12</v>
      </c>
      <c r="H103" s="13" t="s">
        <v>31</v>
      </c>
      <c r="I103" s="12" t="s">
        <v>31</v>
      </c>
      <c r="J103" s="11" t="s">
        <v>30</v>
      </c>
    </row>
    <row r="104" spans="1:10" ht="15" customHeight="1" x14ac:dyDescent="0.4">
      <c r="A104" s="17"/>
      <c r="B104" s="16" t="s">
        <v>28</v>
      </c>
      <c r="C104" s="15" t="s">
        <v>29</v>
      </c>
      <c r="D104" s="13" t="s">
        <v>6</v>
      </c>
      <c r="E104" s="13" t="s">
        <v>6</v>
      </c>
      <c r="F104" s="13" t="s">
        <v>3</v>
      </c>
      <c r="G104" s="14" t="s">
        <v>6</v>
      </c>
      <c r="H104" s="13" t="s">
        <v>3</v>
      </c>
      <c r="I104" s="12" t="s">
        <v>3</v>
      </c>
      <c r="J104" s="11" t="s">
        <v>28</v>
      </c>
    </row>
    <row r="105" spans="1:10" ht="15" customHeight="1" x14ac:dyDescent="0.4">
      <c r="A105" s="17"/>
      <c r="B105" s="16" t="s">
        <v>26</v>
      </c>
      <c r="C105" s="15" t="s">
        <v>27</v>
      </c>
      <c r="D105" s="13">
        <v>7</v>
      </c>
      <c r="E105" s="13">
        <v>16</v>
      </c>
      <c r="F105" s="13" t="s">
        <v>3</v>
      </c>
      <c r="G105" s="14">
        <v>2.2999999999999998</v>
      </c>
      <c r="H105" s="13" t="s">
        <v>3</v>
      </c>
      <c r="I105" s="12" t="s">
        <v>3</v>
      </c>
      <c r="J105" s="11" t="s">
        <v>26</v>
      </c>
    </row>
    <row r="106" spans="1:10" ht="15" customHeight="1" x14ac:dyDescent="0.4">
      <c r="A106" s="17"/>
      <c r="B106" s="16" t="s">
        <v>24</v>
      </c>
      <c r="C106" s="15" t="s">
        <v>25</v>
      </c>
      <c r="D106" s="13">
        <v>8</v>
      </c>
      <c r="E106" s="13">
        <v>28</v>
      </c>
      <c r="F106" s="13" t="s">
        <v>3</v>
      </c>
      <c r="G106" s="14">
        <v>3.5</v>
      </c>
      <c r="H106" s="13" t="s">
        <v>3</v>
      </c>
      <c r="I106" s="12" t="s">
        <v>3</v>
      </c>
      <c r="J106" s="11" t="s">
        <v>24</v>
      </c>
    </row>
    <row r="107" spans="1:10" ht="15" customHeight="1" x14ac:dyDescent="0.4">
      <c r="A107" s="17"/>
      <c r="B107" s="16" t="s">
        <v>22</v>
      </c>
      <c r="C107" s="15" t="s">
        <v>23</v>
      </c>
      <c r="D107" s="13">
        <v>18</v>
      </c>
      <c r="E107" s="13">
        <v>64</v>
      </c>
      <c r="F107" s="13">
        <v>1932</v>
      </c>
      <c r="G107" s="14">
        <v>3.6</v>
      </c>
      <c r="H107" s="13">
        <v>12879</v>
      </c>
      <c r="I107" s="12">
        <v>3331</v>
      </c>
      <c r="J107" s="11" t="s">
        <v>22</v>
      </c>
    </row>
    <row r="108" spans="1:10" ht="15" customHeight="1" x14ac:dyDescent="0.4">
      <c r="A108" s="17"/>
      <c r="B108" s="16" t="s">
        <v>20</v>
      </c>
      <c r="C108" s="15" t="s">
        <v>21</v>
      </c>
      <c r="D108" s="13">
        <v>4</v>
      </c>
      <c r="E108" s="13">
        <v>58</v>
      </c>
      <c r="F108" s="13" t="s">
        <v>3</v>
      </c>
      <c r="G108" s="14">
        <v>14.5</v>
      </c>
      <c r="H108" s="13" t="s">
        <v>3</v>
      </c>
      <c r="I108" s="12" t="s">
        <v>3</v>
      </c>
      <c r="J108" s="11" t="s">
        <v>20</v>
      </c>
    </row>
    <row r="109" spans="1:10" ht="15" customHeight="1" x14ac:dyDescent="0.4">
      <c r="A109" s="17"/>
      <c r="B109" s="16" t="s">
        <v>18</v>
      </c>
      <c r="C109" s="15" t="s">
        <v>19</v>
      </c>
      <c r="D109" s="13">
        <v>20</v>
      </c>
      <c r="E109" s="13">
        <v>32</v>
      </c>
      <c r="F109" s="13">
        <v>39</v>
      </c>
      <c r="G109" s="14">
        <v>1.6</v>
      </c>
      <c r="H109" s="13">
        <v>776</v>
      </c>
      <c r="I109" s="12">
        <v>485</v>
      </c>
      <c r="J109" s="11" t="s">
        <v>18</v>
      </c>
    </row>
    <row r="110" spans="1:10" ht="15" customHeight="1" x14ac:dyDescent="0.4">
      <c r="A110" s="17"/>
      <c r="B110" s="16" t="s">
        <v>16</v>
      </c>
      <c r="C110" s="15" t="s">
        <v>17</v>
      </c>
      <c r="D110" s="13">
        <v>22</v>
      </c>
      <c r="E110" s="13">
        <v>75</v>
      </c>
      <c r="F110" s="13">
        <v>115</v>
      </c>
      <c r="G110" s="14">
        <v>3.4</v>
      </c>
      <c r="H110" s="13">
        <v>1145</v>
      </c>
      <c r="I110" s="12">
        <v>382</v>
      </c>
      <c r="J110" s="11" t="s">
        <v>16</v>
      </c>
    </row>
    <row r="111" spans="1:10" ht="15" customHeight="1" x14ac:dyDescent="0.4">
      <c r="A111" s="17"/>
      <c r="B111" s="16" t="s">
        <v>14</v>
      </c>
      <c r="C111" s="15" t="s">
        <v>15</v>
      </c>
      <c r="D111" s="13" t="s">
        <v>6</v>
      </c>
      <c r="E111" s="13" t="s">
        <v>6</v>
      </c>
      <c r="F111" s="13" t="s">
        <v>6</v>
      </c>
      <c r="G111" s="14" t="s">
        <v>6</v>
      </c>
      <c r="H111" s="13" t="s">
        <v>6</v>
      </c>
      <c r="I111" s="12" t="s">
        <v>6</v>
      </c>
      <c r="J111" s="11" t="s">
        <v>14</v>
      </c>
    </row>
    <row r="112" spans="1:10" ht="15" customHeight="1" x14ac:dyDescent="0.4">
      <c r="A112" s="17"/>
      <c r="B112" s="16" t="s">
        <v>12</v>
      </c>
      <c r="C112" s="15" t="s">
        <v>13</v>
      </c>
      <c r="D112" s="13">
        <v>5</v>
      </c>
      <c r="E112" s="13">
        <v>44</v>
      </c>
      <c r="F112" s="13">
        <v>2</v>
      </c>
      <c r="G112" s="14">
        <v>8.8000000000000007</v>
      </c>
      <c r="H112" s="13">
        <v>153</v>
      </c>
      <c r="I112" s="12">
        <v>153</v>
      </c>
      <c r="J112" s="11" t="s">
        <v>12</v>
      </c>
    </row>
    <row r="113" spans="1:10" ht="15" customHeight="1" x14ac:dyDescent="0.4">
      <c r="A113" s="17"/>
      <c r="B113" s="16" t="s">
        <v>10</v>
      </c>
      <c r="C113" s="15" t="s">
        <v>11</v>
      </c>
      <c r="D113" s="13">
        <v>11</v>
      </c>
      <c r="E113" s="13">
        <v>39</v>
      </c>
      <c r="F113" s="13" t="s">
        <v>3</v>
      </c>
      <c r="G113" s="14">
        <v>3.5</v>
      </c>
      <c r="H113" s="13" t="s">
        <v>3</v>
      </c>
      <c r="I113" s="12" t="s">
        <v>3</v>
      </c>
      <c r="J113" s="11" t="s">
        <v>10</v>
      </c>
    </row>
    <row r="114" spans="1:10" ht="15" customHeight="1" x14ac:dyDescent="0.4">
      <c r="A114" s="17"/>
      <c r="B114" s="16" t="s">
        <v>8</v>
      </c>
      <c r="C114" s="15" t="s">
        <v>9</v>
      </c>
      <c r="D114" s="13">
        <v>91</v>
      </c>
      <c r="E114" s="13">
        <v>249</v>
      </c>
      <c r="F114" s="13">
        <v>223</v>
      </c>
      <c r="G114" s="14">
        <v>2.7</v>
      </c>
      <c r="H114" s="13">
        <v>588</v>
      </c>
      <c r="I114" s="12">
        <v>156</v>
      </c>
      <c r="J114" s="11" t="s">
        <v>8</v>
      </c>
    </row>
    <row r="115" spans="1:10" ht="15" customHeight="1" x14ac:dyDescent="0.4">
      <c r="A115" s="17"/>
      <c r="B115" s="16" t="s">
        <v>5</v>
      </c>
      <c r="C115" s="15" t="s">
        <v>7</v>
      </c>
      <c r="D115" s="13" t="s">
        <v>6</v>
      </c>
      <c r="E115" s="13" t="s">
        <v>6</v>
      </c>
      <c r="F115" s="13" t="s">
        <v>3</v>
      </c>
      <c r="G115" s="14" t="s">
        <v>6</v>
      </c>
      <c r="H115" s="13" t="s">
        <v>3</v>
      </c>
      <c r="I115" s="12" t="s">
        <v>3</v>
      </c>
      <c r="J115" s="11" t="s">
        <v>5</v>
      </c>
    </row>
    <row r="116" spans="1:10" ht="15" customHeight="1" x14ac:dyDescent="0.4">
      <c r="A116" s="10"/>
      <c r="B116" s="9" t="s">
        <v>2</v>
      </c>
      <c r="C116" s="8" t="s">
        <v>4</v>
      </c>
      <c r="D116" s="6">
        <v>486</v>
      </c>
      <c r="E116" s="6">
        <v>1522</v>
      </c>
      <c r="F116" s="6" t="s">
        <v>3</v>
      </c>
      <c r="G116" s="7">
        <v>3.1</v>
      </c>
      <c r="H116" s="6" t="s">
        <v>3</v>
      </c>
      <c r="I116" s="5" t="s">
        <v>3</v>
      </c>
      <c r="J116" s="4" t="s">
        <v>2</v>
      </c>
    </row>
    <row r="117" spans="1:10" x14ac:dyDescent="0.4">
      <c r="A117" s="3" t="s">
        <v>1</v>
      </c>
      <c r="J117" s="2"/>
    </row>
    <row r="118" spans="1:10" x14ac:dyDescent="0.4">
      <c r="A118" s="3" t="s">
        <v>0</v>
      </c>
    </row>
  </sheetData>
  <mergeCells count="2">
    <mergeCell ref="A2:C2"/>
    <mergeCell ref="A1:J1"/>
  </mergeCells>
  <phoneticPr fontId="3"/>
  <pageMargins left="0.70866141732283472" right="0.70866141732283472" top="0.74803149606299213" bottom="0.74803149606299213" header="0.31496062992125984" footer="0.31496062992125984"/>
  <pageSetup paperSize="9" scale="77" orientation="portrait" r:id="rId1"/>
  <headerFooter>
    <oddHeader>&amp;C&amp;"ＭＳ 明朝,標準"第９表　産業大分類、経営組織（3区分）別民営事業所数、従業者数、売上（収入）金額，１事業所当たり従業者数，１事業所当たり売上（収入）金額及び従業者１人当たり売上（収入）金額</oddHeader>
  </headerFooter>
  <rowBreaks count="1" manualBreakCount="1">
    <brk id="59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9表</vt:lpstr>
      <vt:lpstr>第9表!Print_Area</vt:lpstr>
      <vt:lpstr>第9表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dcterms:created xsi:type="dcterms:W3CDTF">2021-09-10T06:12:41Z</dcterms:created>
  <dcterms:modified xsi:type="dcterms:W3CDTF">2021-09-10T06:13:09Z</dcterms:modified>
</cp:coreProperties>
</file>